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12"/>
  </p:notesMasterIdLst>
  <p:handoutMasterIdLst>
    <p:handoutMasterId r:id="rId13"/>
  </p:handoutMasterIdLst>
  <p:sldIdLst>
    <p:sldId id="488" r:id="rId5"/>
    <p:sldId id="838839825" r:id="rId6"/>
    <p:sldId id="2147307529" r:id="rId7"/>
    <p:sldId id="2147307525" r:id="rId8"/>
    <p:sldId id="2147307528" r:id="rId9"/>
    <p:sldId id="2147307527" r:id="rId10"/>
    <p:sldId id="2147307530" r:id="rId11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B197261-91AB-28E8-6D18-23949FA7B52B}" v="17" dt="2021-11-18T00:42:59.530"/>
    <p1510:client id="{272D90AD-8484-D989-2153-3FBE7DEC07D4}" v="5" dt="2021-11-17T22:10:21.665"/>
    <p1510:client id="{554F768D-8A31-9B59-4988-A04123F0DC03}" v="1" dt="2021-11-18T00:42:08.147"/>
    <p1510:client id="{7DF333D4-E500-3571-FA92-4C56300A52E3}" v="22" dt="2021-11-16T00:49:43.203"/>
    <p1510:client id="{A2760FEB-458D-454C-A426-25789284D9CF}" v="8" dt="2021-11-16T00:41:29.778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96" d="100"/>
          <a:sy n="96" d="100"/>
        </p:scale>
        <p:origin x="348" y="52"/>
      </p:cViewPr>
      <p:guideLst>
        <p:guide orient="horz" pos="962"/>
        <p:guide pos="748"/>
        <p:guide orient="horz" pos="2255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20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commentAuthors" Target="commentAuthor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S::nishit.ajwaliya@us.nationalgrid.com::d6171631-3d08-453d-8afd-2dc62a5026e2" providerId="AD" clId="Web-{1B197261-91AB-28E8-6D18-23949FA7B52B}"/>
    <pc:docChg chg="modSld">
      <pc:chgData name="Ajwaliya, Nishit" userId="S::nishit.ajwaliya@us.nationalgrid.com::d6171631-3d08-453d-8afd-2dc62a5026e2" providerId="AD" clId="Web-{1B197261-91AB-28E8-6D18-23949FA7B52B}" dt="2021-11-18T00:42:59.530" v="16" actId="1076"/>
      <pc:docMkLst>
        <pc:docMk/>
      </pc:docMkLst>
      <pc:sldChg chg="modSp">
        <pc:chgData name="Ajwaliya, Nishit" userId="S::nishit.ajwaliya@us.nationalgrid.com::d6171631-3d08-453d-8afd-2dc62a5026e2" providerId="AD" clId="Web-{1B197261-91AB-28E8-6D18-23949FA7B52B}" dt="2021-11-18T00:42:59.530" v="16" actId="1076"/>
        <pc:sldMkLst>
          <pc:docMk/>
          <pc:sldMk cId="904261193" sldId="2147307529"/>
        </pc:sldMkLst>
        <pc:spChg chg="mod">
          <ac:chgData name="Ajwaliya, Nishit" userId="S::nishit.ajwaliya@us.nationalgrid.com::d6171631-3d08-453d-8afd-2dc62a5026e2" providerId="AD" clId="Web-{1B197261-91AB-28E8-6D18-23949FA7B52B}" dt="2021-11-18T00:42:54.499" v="5" actId="1076"/>
          <ac:spMkLst>
            <pc:docMk/>
            <pc:sldMk cId="904261193" sldId="2147307529"/>
            <ac:spMk id="75" creationId="{9D4108A1-C57B-47C6-8272-A602CF394A67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4.530" v="6" actId="1076"/>
          <ac:spMkLst>
            <pc:docMk/>
            <pc:sldMk cId="904261193" sldId="2147307529"/>
            <ac:spMk id="76" creationId="{B7F990BD-8ED2-45B8-A5B4-0B7A61ADA264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4.561" v="7" actId="1076"/>
          <ac:spMkLst>
            <pc:docMk/>
            <pc:sldMk cId="904261193" sldId="2147307529"/>
            <ac:spMk id="77" creationId="{1EC7A34A-C59A-483E-A997-22AAD349CE13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4.577" v="8" actId="1076"/>
          <ac:spMkLst>
            <pc:docMk/>
            <pc:sldMk cId="904261193" sldId="2147307529"/>
            <ac:spMk id="78" creationId="{56B85252-E03E-40F4-9B40-262E0B5E561B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43.904" v="0" actId="14100"/>
          <ac:spMkLst>
            <pc:docMk/>
            <pc:sldMk cId="904261193" sldId="2147307529"/>
            <ac:spMk id="315" creationId="{CA5143F8-C648-4971-B0DE-F85E22ED3C4F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9.374" v="9" actId="1076"/>
          <ac:spMkLst>
            <pc:docMk/>
            <pc:sldMk cId="904261193" sldId="2147307529"/>
            <ac:spMk id="363" creationId="{4876B329-05EA-45D5-B4AC-526D938C001A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9.405" v="10" actId="1076"/>
          <ac:spMkLst>
            <pc:docMk/>
            <pc:sldMk cId="904261193" sldId="2147307529"/>
            <ac:spMk id="364" creationId="{D720271D-A9A5-4B5C-BEBA-624AC2C14978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9.421" v="11" actId="1076"/>
          <ac:spMkLst>
            <pc:docMk/>
            <pc:sldMk cId="904261193" sldId="2147307529"/>
            <ac:spMk id="365" creationId="{D502F2CC-EC96-4A14-9161-3EB97D4F993C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9.436" v="12" actId="1076"/>
          <ac:spMkLst>
            <pc:docMk/>
            <pc:sldMk cId="904261193" sldId="2147307529"/>
            <ac:spMk id="366" creationId="{6A16A5F7-E370-4891-B8DF-4FBC312DDB9D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9.467" v="13" actId="1076"/>
          <ac:spMkLst>
            <pc:docMk/>
            <pc:sldMk cId="904261193" sldId="2147307529"/>
            <ac:spMk id="385" creationId="{2CE365CA-39B7-40D5-8CD8-25E3873945E0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9.483" v="14" actId="1076"/>
          <ac:spMkLst>
            <pc:docMk/>
            <pc:sldMk cId="904261193" sldId="2147307529"/>
            <ac:spMk id="416" creationId="{A52479B3-1B20-4765-BE4D-A94A64ACFCB5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9.514" v="15" actId="1076"/>
          <ac:spMkLst>
            <pc:docMk/>
            <pc:sldMk cId="904261193" sldId="2147307529"/>
            <ac:spMk id="417" creationId="{4CBEAE4D-DB9B-4D53-915A-8D1CE9161DD4}"/>
          </ac:spMkLst>
        </pc:spChg>
        <pc:spChg chg="mod">
          <ac:chgData name="Ajwaliya, Nishit" userId="S::nishit.ajwaliya@us.nationalgrid.com::d6171631-3d08-453d-8afd-2dc62a5026e2" providerId="AD" clId="Web-{1B197261-91AB-28E8-6D18-23949FA7B52B}" dt="2021-11-18T00:42:59.530" v="16" actId="1076"/>
          <ac:spMkLst>
            <pc:docMk/>
            <pc:sldMk cId="904261193" sldId="2147307529"/>
            <ac:spMk id="418" creationId="{0D0FC871-10DA-4970-A09B-1995D50159C1}"/>
          </ac:spMkLst>
        </pc:spChg>
      </pc:sldChg>
    </pc:docChg>
  </pc:docChgLst>
  <pc:docChgLst>
    <pc:chgData name="Ajwaliya, Nishit" userId="d6171631-3d08-453d-8afd-2dc62a5026e2" providerId="ADAL" clId="{BD341253-46DB-4DE1-9A62-5AC275D5C316}"/>
    <pc:docChg chg="undo custSel addSld modSld">
      <pc:chgData name="Ajwaliya, Nishit" userId="d6171631-3d08-453d-8afd-2dc62a5026e2" providerId="ADAL" clId="{BD341253-46DB-4DE1-9A62-5AC275D5C316}" dt="2021-10-12T16:16:49.129" v="94" actId="1076"/>
      <pc:docMkLst>
        <pc:docMk/>
      </pc:docMkLst>
      <pc:sldChg chg="addSp delSp modSp mod">
        <pc:chgData name="Ajwaliya, Nishit" userId="d6171631-3d08-453d-8afd-2dc62a5026e2" providerId="ADAL" clId="{BD341253-46DB-4DE1-9A62-5AC275D5C316}" dt="2021-10-08T15:55:00.537" v="87" actId="1076"/>
        <pc:sldMkLst>
          <pc:docMk/>
          <pc:sldMk cId="4091386711" sldId="2147307527"/>
        </pc:sldMkLst>
        <pc:picChg chg="del">
          <ac:chgData name="Ajwaliya, Nishit" userId="d6171631-3d08-453d-8afd-2dc62a5026e2" providerId="ADAL" clId="{BD341253-46DB-4DE1-9A62-5AC275D5C316}" dt="2021-10-08T15:54:46.807" v="84" actId="478"/>
          <ac:picMkLst>
            <pc:docMk/>
            <pc:sldMk cId="4091386711" sldId="2147307527"/>
            <ac:picMk id="4" creationId="{8C99F775-4441-40AA-A4CA-699C73FD2F48}"/>
          </ac:picMkLst>
        </pc:picChg>
        <pc:picChg chg="add mod">
          <ac:chgData name="Ajwaliya, Nishit" userId="d6171631-3d08-453d-8afd-2dc62a5026e2" providerId="ADAL" clId="{BD341253-46DB-4DE1-9A62-5AC275D5C316}" dt="2021-10-08T15:55:00.537" v="87" actId="1076"/>
          <ac:picMkLst>
            <pc:docMk/>
            <pc:sldMk cId="4091386711" sldId="2147307527"/>
            <ac:picMk id="5" creationId="{2E3FF7E3-7C6D-4917-85E4-DC9BD38E9702}"/>
          </ac:picMkLst>
        </pc:picChg>
      </pc:sldChg>
      <pc:sldChg chg="delSp modSp mod">
        <pc:chgData name="Ajwaliya, Nishit" userId="d6171631-3d08-453d-8afd-2dc62a5026e2" providerId="ADAL" clId="{BD341253-46DB-4DE1-9A62-5AC275D5C316}" dt="2021-10-08T15:30:24.373" v="60" actId="1035"/>
        <pc:sldMkLst>
          <pc:docMk/>
          <pc:sldMk cId="904261193" sldId="2147307529"/>
        </pc:sldMkLst>
        <pc:spChg chg="mod">
          <ac:chgData name="Ajwaliya, Nishit" userId="d6171631-3d08-453d-8afd-2dc62a5026e2" providerId="ADAL" clId="{BD341253-46DB-4DE1-9A62-5AC275D5C316}" dt="2021-10-08T15:26:52.429" v="2" actId="20577"/>
          <ac:spMkLst>
            <pc:docMk/>
            <pc:sldMk cId="904261193" sldId="2147307529"/>
            <ac:spMk id="278" creationId="{459DEE68-A6A4-424E-9476-282EF0FE2C2D}"/>
          </ac:spMkLst>
        </pc:spChg>
        <pc:spChg chg="mod">
          <ac:chgData name="Ajwaliya, Nishit" userId="d6171631-3d08-453d-8afd-2dc62a5026e2" providerId="ADAL" clId="{BD341253-46DB-4DE1-9A62-5AC275D5C316}" dt="2021-10-08T15:30:24.373" v="60" actId="1035"/>
          <ac:spMkLst>
            <pc:docMk/>
            <pc:sldMk cId="904261193" sldId="2147307529"/>
            <ac:spMk id="350" creationId="{C69571CF-F7D6-4ABB-89CD-FEC78DD6CDA1}"/>
          </ac:spMkLst>
        </pc:spChg>
        <pc:spChg chg="mod">
          <ac:chgData name="Ajwaliya, Nishit" userId="d6171631-3d08-453d-8afd-2dc62a5026e2" providerId="ADAL" clId="{BD341253-46DB-4DE1-9A62-5AC275D5C316}" dt="2021-10-08T15:30:24.373" v="60" actId="1035"/>
          <ac:spMkLst>
            <pc:docMk/>
            <pc:sldMk cId="904261193" sldId="2147307529"/>
            <ac:spMk id="351" creationId="{8ADC5671-CE07-4FCB-A778-26173EA4D013}"/>
          </ac:spMkLst>
        </pc:spChg>
        <pc:spChg chg="mod">
          <ac:chgData name="Ajwaliya, Nishit" userId="d6171631-3d08-453d-8afd-2dc62a5026e2" providerId="ADAL" clId="{BD341253-46DB-4DE1-9A62-5AC275D5C316}" dt="2021-10-08T15:30:24.373" v="60" actId="1035"/>
          <ac:spMkLst>
            <pc:docMk/>
            <pc:sldMk cId="904261193" sldId="2147307529"/>
            <ac:spMk id="352" creationId="{7DDFFA79-F76D-4823-AEC6-E2355DBA5CB4}"/>
          </ac:spMkLst>
        </pc:spChg>
        <pc:spChg chg="del mod">
          <ac:chgData name="Ajwaliya, Nishit" userId="d6171631-3d08-453d-8afd-2dc62a5026e2" providerId="ADAL" clId="{BD341253-46DB-4DE1-9A62-5AC275D5C316}" dt="2021-10-08T15:27:46.639" v="30" actId="478"/>
          <ac:spMkLst>
            <pc:docMk/>
            <pc:sldMk cId="904261193" sldId="2147307529"/>
            <ac:spMk id="355" creationId="{A1F4E442-F81A-4285-8CA4-193DDC8FFD76}"/>
          </ac:spMkLst>
        </pc:spChg>
        <pc:spChg chg="mod">
          <ac:chgData name="Ajwaliya, Nishit" userId="d6171631-3d08-453d-8afd-2dc62a5026e2" providerId="ADAL" clId="{BD341253-46DB-4DE1-9A62-5AC275D5C316}" dt="2021-10-08T15:30:24.373" v="60" actId="1035"/>
          <ac:spMkLst>
            <pc:docMk/>
            <pc:sldMk cId="904261193" sldId="2147307529"/>
            <ac:spMk id="359" creationId="{D91A8FEB-06FE-4044-B8FF-756FD227EBA5}"/>
          </ac:spMkLst>
        </pc:spChg>
        <pc:spChg chg="del mod">
          <ac:chgData name="Ajwaliya, Nishit" userId="d6171631-3d08-453d-8afd-2dc62a5026e2" providerId="ADAL" clId="{BD341253-46DB-4DE1-9A62-5AC275D5C316}" dt="2021-10-08T15:27:46.639" v="30" actId="478"/>
          <ac:spMkLst>
            <pc:docMk/>
            <pc:sldMk cId="904261193" sldId="2147307529"/>
            <ac:spMk id="360" creationId="{719DC1C9-BB88-43B4-A670-14163A0809C4}"/>
          </ac:spMkLst>
        </pc:spChg>
        <pc:spChg chg="del">
          <ac:chgData name="Ajwaliya, Nishit" userId="d6171631-3d08-453d-8afd-2dc62a5026e2" providerId="ADAL" clId="{BD341253-46DB-4DE1-9A62-5AC275D5C316}" dt="2021-10-08T15:27:18.721" v="3" actId="478"/>
          <ac:spMkLst>
            <pc:docMk/>
            <pc:sldMk cId="904261193" sldId="2147307529"/>
            <ac:spMk id="409" creationId="{E7D9DD7B-CDFA-4464-8D7E-F9C8F6C5D43F}"/>
          </ac:spMkLst>
        </pc:spChg>
        <pc:spChg chg="del">
          <ac:chgData name="Ajwaliya, Nishit" userId="d6171631-3d08-453d-8afd-2dc62a5026e2" providerId="ADAL" clId="{BD341253-46DB-4DE1-9A62-5AC275D5C316}" dt="2021-10-08T15:27:18.721" v="3" actId="478"/>
          <ac:spMkLst>
            <pc:docMk/>
            <pc:sldMk cId="904261193" sldId="2147307529"/>
            <ac:spMk id="410" creationId="{F87DBC83-F4A9-4818-AA51-0FD3C6BF3F15}"/>
          </ac:spMkLst>
        </pc:spChg>
        <pc:spChg chg="mod">
          <ac:chgData name="Ajwaliya, Nishit" userId="d6171631-3d08-453d-8afd-2dc62a5026e2" providerId="ADAL" clId="{BD341253-46DB-4DE1-9A62-5AC275D5C316}" dt="2021-10-08T15:30:24.373" v="60" actId="1035"/>
          <ac:spMkLst>
            <pc:docMk/>
            <pc:sldMk cId="904261193" sldId="2147307529"/>
            <ac:spMk id="438" creationId="{E08230ED-126E-44EF-9D04-036D837A8F64}"/>
          </ac:spMkLst>
        </pc:spChg>
      </pc:sldChg>
      <pc:sldChg chg="addSp delSp modSp add mod">
        <pc:chgData name="Ajwaliya, Nishit" userId="d6171631-3d08-453d-8afd-2dc62a5026e2" providerId="ADAL" clId="{BD341253-46DB-4DE1-9A62-5AC275D5C316}" dt="2021-10-12T16:16:49.129" v="94" actId="1076"/>
        <pc:sldMkLst>
          <pc:docMk/>
          <pc:sldMk cId="1928411725" sldId="2147307530"/>
        </pc:sldMkLst>
        <pc:spChg chg="mod">
          <ac:chgData name="Ajwaliya, Nishit" userId="d6171631-3d08-453d-8afd-2dc62a5026e2" providerId="ADAL" clId="{BD341253-46DB-4DE1-9A62-5AC275D5C316}" dt="2021-10-08T15:54:01.963" v="77" actId="20577"/>
          <ac:spMkLst>
            <pc:docMk/>
            <pc:sldMk cId="1928411725" sldId="2147307530"/>
            <ac:spMk id="2" creationId="{65606505-0DE3-4026-B55A-3FA303F48ACA}"/>
          </ac:spMkLst>
        </pc:spChg>
        <pc:picChg chg="add mod">
          <ac:chgData name="Ajwaliya, Nishit" userId="d6171631-3d08-453d-8afd-2dc62a5026e2" providerId="ADAL" clId="{BD341253-46DB-4DE1-9A62-5AC275D5C316}" dt="2021-10-12T16:16:49.129" v="94" actId="1076"/>
          <ac:picMkLst>
            <pc:docMk/>
            <pc:sldMk cId="1928411725" sldId="2147307530"/>
            <ac:picMk id="4" creationId="{494B7A76-3CCC-422E-831A-89F9F317AC82}"/>
          </ac:picMkLst>
        </pc:picChg>
        <pc:picChg chg="del">
          <ac:chgData name="Ajwaliya, Nishit" userId="d6171631-3d08-453d-8afd-2dc62a5026e2" providerId="ADAL" clId="{BD341253-46DB-4DE1-9A62-5AC275D5C316}" dt="2021-10-08T15:54:04.946" v="78" actId="478"/>
          <ac:picMkLst>
            <pc:docMk/>
            <pc:sldMk cId="1928411725" sldId="2147307530"/>
            <ac:picMk id="4" creationId="{8C99F775-4441-40AA-A4CA-699C73FD2F48}"/>
          </ac:picMkLst>
        </pc:picChg>
        <pc:picChg chg="add del">
          <ac:chgData name="Ajwaliya, Nishit" userId="d6171631-3d08-453d-8afd-2dc62a5026e2" providerId="ADAL" clId="{BD341253-46DB-4DE1-9A62-5AC275D5C316}" dt="2021-10-08T15:54:16.578" v="80" actId="22"/>
          <ac:picMkLst>
            <pc:docMk/>
            <pc:sldMk cId="1928411725" sldId="2147307530"/>
            <ac:picMk id="5" creationId="{718D4DDD-3138-49D1-8EBD-4EF286C469D3}"/>
          </ac:picMkLst>
        </pc:picChg>
        <pc:picChg chg="add del mod">
          <ac:chgData name="Ajwaliya, Nishit" userId="d6171631-3d08-453d-8afd-2dc62a5026e2" providerId="ADAL" clId="{BD341253-46DB-4DE1-9A62-5AC275D5C316}" dt="2021-10-12T16:16:16.936" v="88" actId="478"/>
          <ac:picMkLst>
            <pc:docMk/>
            <pc:sldMk cId="1928411725" sldId="2147307530"/>
            <ac:picMk id="7" creationId="{68F9B482-A5CC-4485-AB08-892006C16B47}"/>
          </ac:picMkLst>
        </pc:picChg>
      </pc:sldChg>
    </pc:docChg>
  </pc:docChgLst>
  <pc:docChgLst>
    <pc:chgData name="Ajwaliya, Nishit" userId="S::nishit.ajwaliya@us.nationalgrid.com::d6171631-3d08-453d-8afd-2dc62a5026e2" providerId="AD" clId="Web-{0A575F50-0FA6-B2B4-D3A9-A174F25C0F5C}"/>
    <pc:docChg chg="modSld sldOrd">
      <pc:chgData name="Ajwaliya, Nishit" userId="S::nishit.ajwaliya@us.nationalgrid.com::d6171631-3d08-453d-8afd-2dc62a5026e2" providerId="AD" clId="Web-{0A575F50-0FA6-B2B4-D3A9-A174F25C0F5C}" dt="2021-09-17T19:41:14.730" v="3"/>
      <pc:docMkLst>
        <pc:docMk/>
      </pc:docMkLst>
      <pc:sldChg chg="modSp">
        <pc:chgData name="Ajwaliya, Nishit" userId="S::nishit.ajwaliya@us.nationalgrid.com::d6171631-3d08-453d-8afd-2dc62a5026e2" providerId="AD" clId="Web-{0A575F50-0FA6-B2B4-D3A9-A174F25C0F5C}" dt="2021-09-17T19:40:58.542" v="2" actId="20577"/>
        <pc:sldMkLst>
          <pc:docMk/>
          <pc:sldMk cId="911064615" sldId="838839825"/>
        </pc:sldMkLst>
        <pc:spChg chg="mod">
          <ac:chgData name="Ajwaliya, Nishit" userId="S::nishit.ajwaliya@us.nationalgrid.com::d6171631-3d08-453d-8afd-2dc62a5026e2" providerId="AD" clId="Web-{0A575F50-0FA6-B2B4-D3A9-A174F25C0F5C}" dt="2021-09-17T19:40:58.542" v="2" actId="20577"/>
          <ac:spMkLst>
            <pc:docMk/>
            <pc:sldMk cId="911064615" sldId="838839825"/>
            <ac:spMk id="19" creationId="{90BD7A11-CCC6-4C5C-8C76-2AD6197181B8}"/>
          </ac:spMkLst>
        </pc:spChg>
      </pc:sldChg>
      <pc:sldChg chg="ord">
        <pc:chgData name="Ajwaliya, Nishit" userId="S::nishit.ajwaliya@us.nationalgrid.com::d6171631-3d08-453d-8afd-2dc62a5026e2" providerId="AD" clId="Web-{0A575F50-0FA6-B2B4-D3A9-A174F25C0F5C}" dt="2021-09-17T19:41:14.730" v="3"/>
        <pc:sldMkLst>
          <pc:docMk/>
          <pc:sldMk cId="904261193" sldId="2147307529"/>
        </pc:sldMkLst>
      </pc:sldChg>
    </pc:docChg>
  </pc:docChgLst>
  <pc:docChgLst>
    <pc:chgData name="Ajwaliya, Nishit" userId="S::nishit.ajwaliya@us.nationalgrid.com::d6171631-3d08-453d-8afd-2dc62a5026e2" providerId="AD" clId="Web-{272D90AD-8484-D989-2153-3FBE7DEC07D4}"/>
    <pc:docChg chg="modSld">
      <pc:chgData name="Ajwaliya, Nishit" userId="S::nishit.ajwaliya@us.nationalgrid.com::d6171631-3d08-453d-8afd-2dc62a5026e2" providerId="AD" clId="Web-{272D90AD-8484-D989-2153-3FBE7DEC07D4}" dt="2021-11-17T22:10:21.150" v="3" actId="14100"/>
      <pc:docMkLst>
        <pc:docMk/>
      </pc:docMkLst>
      <pc:sldChg chg="addSp delSp modSp">
        <pc:chgData name="Ajwaliya, Nishit" userId="S::nishit.ajwaliya@us.nationalgrid.com::d6171631-3d08-453d-8afd-2dc62a5026e2" providerId="AD" clId="Web-{272D90AD-8484-D989-2153-3FBE7DEC07D4}" dt="2021-11-17T22:10:21.150" v="3" actId="14100"/>
        <pc:sldMkLst>
          <pc:docMk/>
          <pc:sldMk cId="4091386711" sldId="2147307527"/>
        </pc:sldMkLst>
        <pc:picChg chg="del">
          <ac:chgData name="Ajwaliya, Nishit" userId="S::nishit.ajwaliya@us.nationalgrid.com::d6171631-3d08-453d-8afd-2dc62a5026e2" providerId="AD" clId="Web-{272D90AD-8484-D989-2153-3FBE7DEC07D4}" dt="2021-11-17T22:10:12.118" v="0"/>
          <ac:picMkLst>
            <pc:docMk/>
            <pc:sldMk cId="4091386711" sldId="2147307527"/>
            <ac:picMk id="3" creationId="{AABAAF30-D88B-436F-9DCF-5033046A86CD}"/>
          </ac:picMkLst>
        </pc:picChg>
        <pc:picChg chg="add mod">
          <ac:chgData name="Ajwaliya, Nishit" userId="S::nishit.ajwaliya@us.nationalgrid.com::d6171631-3d08-453d-8afd-2dc62a5026e2" providerId="AD" clId="Web-{272D90AD-8484-D989-2153-3FBE7DEC07D4}" dt="2021-11-17T22:10:21.150" v="3" actId="14100"/>
          <ac:picMkLst>
            <pc:docMk/>
            <pc:sldMk cId="4091386711" sldId="2147307527"/>
            <ac:picMk id="4" creationId="{4B00D735-7124-4705-A1FB-46A968ABDD44}"/>
          </ac:picMkLst>
        </pc:picChg>
      </pc:sldChg>
    </pc:docChg>
  </pc:docChgLst>
  <pc:docChgLst>
    <pc:chgData name="Chadha, Bhuvan" userId="S::bhuvan.chadha@us.nationalgrid.com::6450ff00-3ef8-43a5-a34e-29148c28b198" providerId="AD" clId="Web-{4AD18C14-98F7-305B-420C-502086B3A49D}"/>
    <pc:docChg chg="modSld">
      <pc:chgData name="Chadha, Bhuvan" userId="S::bhuvan.chadha@us.nationalgrid.com::6450ff00-3ef8-43a5-a34e-29148c28b198" providerId="AD" clId="Web-{4AD18C14-98F7-305B-420C-502086B3A49D}" dt="2021-10-26T20:07:40.662" v="1"/>
      <pc:docMkLst>
        <pc:docMk/>
      </pc:docMkLst>
      <pc:sldChg chg="addSp delSp">
        <pc:chgData name="Chadha, Bhuvan" userId="S::bhuvan.chadha@us.nationalgrid.com::6450ff00-3ef8-43a5-a34e-29148c28b198" providerId="AD" clId="Web-{4AD18C14-98F7-305B-420C-502086B3A49D}" dt="2021-10-26T20:07:40.662" v="1"/>
        <pc:sldMkLst>
          <pc:docMk/>
          <pc:sldMk cId="904261193" sldId="2147307529"/>
        </pc:sldMkLst>
        <pc:spChg chg="del">
          <ac:chgData name="Chadha, Bhuvan" userId="S::bhuvan.chadha@us.nationalgrid.com::6450ff00-3ef8-43a5-a34e-29148c28b198" providerId="AD" clId="Web-{4AD18C14-98F7-305B-420C-502086B3A49D}" dt="2021-10-26T14:48:52.680" v="0"/>
          <ac:spMkLst>
            <pc:docMk/>
            <pc:sldMk cId="904261193" sldId="2147307529"/>
            <ac:spMk id="3" creationId="{8EBDDC61-7E82-40AD-ABB5-3EA5752173F8}"/>
          </ac:spMkLst>
        </pc:spChg>
        <pc:spChg chg="add">
          <ac:chgData name="Chadha, Bhuvan" userId="S::bhuvan.chadha@us.nationalgrid.com::6450ff00-3ef8-43a5-a34e-29148c28b198" providerId="AD" clId="Web-{4AD18C14-98F7-305B-420C-502086B3A49D}" dt="2021-10-26T20:07:40.662" v="1"/>
          <ac:spMkLst>
            <pc:docMk/>
            <pc:sldMk cId="904261193" sldId="2147307529"/>
            <ac:spMk id="3" creationId="{BA550FC7-00CA-4128-8E10-93E4DFB5DB0F}"/>
          </ac:spMkLst>
        </pc:spChg>
      </pc:sldChg>
    </pc:docChg>
  </pc:docChgLst>
  <pc:docChgLst>
    <pc:chgData name="Chadha, Bhuvan" userId="S::bhuvan.chadha@us.nationalgrid.com::6450ff00-3ef8-43a5-a34e-29148c28b198" providerId="AD" clId="Web-{23C37E7D-C30F-4718-AAC2-02DCADA199B2}"/>
    <pc:docChg chg="modSld">
      <pc:chgData name="Chadha, Bhuvan" userId="S::bhuvan.chadha@us.nationalgrid.com::6450ff00-3ef8-43a5-a34e-29148c28b198" providerId="AD" clId="Web-{23C37E7D-C30F-4718-AAC2-02DCADA199B2}" dt="2021-10-20T21:27:09.480" v="0"/>
      <pc:docMkLst>
        <pc:docMk/>
      </pc:docMkLst>
      <pc:sldChg chg="addSp">
        <pc:chgData name="Chadha, Bhuvan" userId="S::bhuvan.chadha@us.nationalgrid.com::6450ff00-3ef8-43a5-a34e-29148c28b198" providerId="AD" clId="Web-{23C37E7D-C30F-4718-AAC2-02DCADA199B2}" dt="2021-10-20T21:27:09.480" v="0"/>
        <pc:sldMkLst>
          <pc:docMk/>
          <pc:sldMk cId="904261193" sldId="2147307529"/>
        </pc:sldMkLst>
        <pc:spChg chg="add">
          <ac:chgData name="Chadha, Bhuvan" userId="S::bhuvan.chadha@us.nationalgrid.com::6450ff00-3ef8-43a5-a34e-29148c28b198" providerId="AD" clId="Web-{23C37E7D-C30F-4718-AAC2-02DCADA199B2}" dt="2021-10-20T21:27:09.480" v="0"/>
          <ac:spMkLst>
            <pc:docMk/>
            <pc:sldMk cId="904261193" sldId="2147307529"/>
            <ac:spMk id="3" creationId="{8EBDDC61-7E82-40AD-ABB5-3EA5752173F8}"/>
          </ac:spMkLst>
        </pc:spChg>
      </pc:sldChg>
    </pc:docChg>
  </pc:docChgLst>
  <pc:docChgLst>
    <pc:chgData name="Ajwaliya, Nishit" userId="d6171631-3d08-453d-8afd-2dc62a5026e2" providerId="ADAL" clId="{BE6821DD-7D57-4DD5-8A13-4769FA62AF9C}"/>
    <pc:docChg chg="undo custSel addSld modSld sldOrd modMainMaster">
      <pc:chgData name="Ajwaliya, Nishit" userId="d6171631-3d08-453d-8afd-2dc62a5026e2" providerId="ADAL" clId="{BE6821DD-7D57-4DD5-8A13-4769FA62AF9C}" dt="2021-09-20T17:14:43.901" v="4251" actId="478"/>
      <pc:docMkLst>
        <pc:docMk/>
      </pc:docMkLst>
      <pc:sldChg chg="modSp add mod">
        <pc:chgData name="Ajwaliya, Nishit" userId="d6171631-3d08-453d-8afd-2dc62a5026e2" providerId="ADAL" clId="{BE6821DD-7D57-4DD5-8A13-4769FA62AF9C}" dt="2021-09-16T21:07:58.157" v="92" actId="20577"/>
        <pc:sldMkLst>
          <pc:docMk/>
          <pc:sldMk cId="3409871721" sldId="488"/>
        </pc:sldMkLst>
        <pc:spChg chg="mod">
          <ac:chgData name="Ajwaliya, Nishit" userId="d6171631-3d08-453d-8afd-2dc62a5026e2" providerId="ADAL" clId="{BE6821DD-7D57-4DD5-8A13-4769FA62AF9C}" dt="2021-09-16T21:07:58.157" v="92" actId="20577"/>
          <ac:spMkLst>
            <pc:docMk/>
            <pc:sldMk cId="3409871721" sldId="488"/>
            <ac:spMk id="24" creationId="{D11F48BE-96B2-4B10-82E2-0149C7A9017D}"/>
          </ac:spMkLst>
        </pc:spChg>
      </pc:sldChg>
      <pc:sldChg chg="delSp modSp add mod">
        <pc:chgData name="Ajwaliya, Nishit" userId="d6171631-3d08-453d-8afd-2dc62a5026e2" providerId="ADAL" clId="{BE6821DD-7D57-4DD5-8A13-4769FA62AF9C}" dt="2021-09-17T15:30:40.354" v="2588" actId="1076"/>
        <pc:sldMkLst>
          <pc:docMk/>
          <pc:sldMk cId="911064615" sldId="838839825"/>
        </pc:sldMkLst>
        <pc:spChg chg="mod">
          <ac:chgData name="Ajwaliya, Nishit" userId="d6171631-3d08-453d-8afd-2dc62a5026e2" providerId="ADAL" clId="{BE6821DD-7D57-4DD5-8A13-4769FA62AF9C}" dt="2021-09-17T15:30:32.246" v="2587" actId="1076"/>
          <ac:spMkLst>
            <pc:docMk/>
            <pc:sldMk cId="911064615" sldId="838839825"/>
            <ac:spMk id="5" creationId="{EDA947A8-BD8E-49CA-92F5-5B7AD1170E03}"/>
          </ac:spMkLst>
        </pc:spChg>
        <pc:spChg chg="del">
          <ac:chgData name="Ajwaliya, Nishit" userId="d6171631-3d08-453d-8afd-2dc62a5026e2" providerId="ADAL" clId="{BE6821DD-7D57-4DD5-8A13-4769FA62AF9C}" dt="2021-09-16T21:08:32.611" v="109" actId="478"/>
          <ac:spMkLst>
            <pc:docMk/>
            <pc:sldMk cId="911064615" sldId="838839825"/>
            <ac:spMk id="6" creationId="{FB6BE2A9-01DA-4BF2-B08E-7FC82429BAF2}"/>
          </ac:spMkLst>
        </pc:spChg>
        <pc:spChg chg="mod">
          <ac:chgData name="Ajwaliya, Nishit" userId="d6171631-3d08-453d-8afd-2dc62a5026e2" providerId="ADAL" clId="{BE6821DD-7D57-4DD5-8A13-4769FA62AF9C}" dt="2021-09-17T15:30:40.354" v="2588" actId="1076"/>
          <ac:spMkLst>
            <pc:docMk/>
            <pc:sldMk cId="911064615" sldId="838839825"/>
            <ac:spMk id="19" creationId="{90BD7A11-CCC6-4C5C-8C76-2AD6197181B8}"/>
          </ac:spMkLst>
        </pc:spChg>
      </pc:sldChg>
      <pc:sldChg chg="modSp mod ord">
        <pc:chgData name="Ajwaliya, Nishit" userId="d6171631-3d08-453d-8afd-2dc62a5026e2" providerId="ADAL" clId="{BE6821DD-7D57-4DD5-8A13-4769FA62AF9C}" dt="2021-09-16T21:26:03.115" v="341"/>
        <pc:sldMkLst>
          <pc:docMk/>
          <pc:sldMk cId="4091386711" sldId="2147307527"/>
        </pc:sldMkLst>
        <pc:spChg chg="mod">
          <ac:chgData name="Ajwaliya, Nishit" userId="d6171631-3d08-453d-8afd-2dc62a5026e2" providerId="ADAL" clId="{BE6821DD-7D57-4DD5-8A13-4769FA62AF9C}" dt="2021-09-16T21:17:20.815" v="166" actId="20577"/>
          <ac:spMkLst>
            <pc:docMk/>
            <pc:sldMk cId="4091386711" sldId="2147307527"/>
            <ac:spMk id="2" creationId="{65606505-0DE3-4026-B55A-3FA303F48ACA}"/>
          </ac:spMkLst>
        </pc:spChg>
        <pc:picChg chg="mod">
          <ac:chgData name="Ajwaliya, Nishit" userId="d6171631-3d08-453d-8afd-2dc62a5026e2" providerId="ADAL" clId="{BE6821DD-7D57-4DD5-8A13-4769FA62AF9C}" dt="2021-09-16T21:09:00.978" v="118" actId="1076"/>
          <ac:picMkLst>
            <pc:docMk/>
            <pc:sldMk cId="4091386711" sldId="2147307527"/>
            <ac:picMk id="4" creationId="{8C99F775-4441-40AA-A4CA-699C73FD2F48}"/>
          </ac:picMkLst>
        </pc:picChg>
      </pc:sldChg>
      <pc:sldChg chg="addSp delSp modSp mod">
        <pc:chgData name="Ajwaliya, Nishit" userId="d6171631-3d08-453d-8afd-2dc62a5026e2" providerId="ADAL" clId="{BE6821DD-7D57-4DD5-8A13-4769FA62AF9C}" dt="2021-09-17T19:16:18.910" v="4055" actId="1037"/>
        <pc:sldMkLst>
          <pc:docMk/>
          <pc:sldMk cId="2312719742" sldId="2147307528"/>
        </pc:sldMkLst>
        <pc:spChg chg="mod">
          <ac:chgData name="Ajwaliya, Nishit" userId="d6171631-3d08-453d-8afd-2dc62a5026e2" providerId="ADAL" clId="{BE6821DD-7D57-4DD5-8A13-4769FA62AF9C}" dt="2021-09-17T19:14:14.293" v="4008" actId="14100"/>
          <ac:spMkLst>
            <pc:docMk/>
            <pc:sldMk cId="2312719742" sldId="2147307528"/>
            <ac:spMk id="67" creationId="{13AF4990-BEC8-4F76-90A9-21EF7C67AE3B}"/>
          </ac:spMkLst>
        </pc:spChg>
        <pc:spChg chg="mod">
          <ac:chgData name="Ajwaliya, Nishit" userId="d6171631-3d08-453d-8afd-2dc62a5026e2" providerId="ADAL" clId="{BE6821DD-7D57-4DD5-8A13-4769FA62AF9C}" dt="2021-09-17T19:14:09.198" v="4007" actId="1038"/>
          <ac:spMkLst>
            <pc:docMk/>
            <pc:sldMk cId="2312719742" sldId="2147307528"/>
            <ac:spMk id="87" creationId="{D171760A-447B-483E-87A3-5A7511C18F93}"/>
          </ac:spMkLst>
        </pc:spChg>
        <pc:spChg chg="mod">
          <ac:chgData name="Ajwaliya, Nishit" userId="d6171631-3d08-453d-8afd-2dc62a5026e2" providerId="ADAL" clId="{BE6821DD-7D57-4DD5-8A13-4769FA62AF9C}" dt="2021-09-16T21:21:48.471" v="272" actId="1038"/>
          <ac:spMkLst>
            <pc:docMk/>
            <pc:sldMk cId="2312719742" sldId="2147307528"/>
            <ac:spMk id="100" creationId="{7EF2B686-B864-4A0C-976A-AC294FF49356}"/>
          </ac:spMkLst>
        </pc:spChg>
        <pc:spChg chg="del mod">
          <ac:chgData name="Ajwaliya, Nishit" userId="d6171631-3d08-453d-8afd-2dc62a5026e2" providerId="ADAL" clId="{BE6821DD-7D57-4DD5-8A13-4769FA62AF9C}" dt="2021-09-16T21:21:12.529" v="246" actId="478"/>
          <ac:spMkLst>
            <pc:docMk/>
            <pc:sldMk cId="2312719742" sldId="2147307528"/>
            <ac:spMk id="101" creationId="{587B269A-1741-4A0F-9FDE-AC1CD854208F}"/>
          </ac:spMkLst>
        </pc:spChg>
        <pc:spChg chg="del mod">
          <ac:chgData name="Ajwaliya, Nishit" userId="d6171631-3d08-453d-8afd-2dc62a5026e2" providerId="ADAL" clId="{BE6821DD-7D57-4DD5-8A13-4769FA62AF9C}" dt="2021-09-16T21:21:12.529" v="246" actId="478"/>
          <ac:spMkLst>
            <pc:docMk/>
            <pc:sldMk cId="2312719742" sldId="2147307528"/>
            <ac:spMk id="102" creationId="{53D3A239-1B6F-4F39-832E-4F711AD7B2DE}"/>
          </ac:spMkLst>
        </pc:spChg>
        <pc:spChg chg="mod">
          <ac:chgData name="Ajwaliya, Nishit" userId="d6171631-3d08-453d-8afd-2dc62a5026e2" providerId="ADAL" clId="{BE6821DD-7D57-4DD5-8A13-4769FA62AF9C}" dt="2021-09-16T21:22:06.726" v="314" actId="1038"/>
          <ac:spMkLst>
            <pc:docMk/>
            <pc:sldMk cId="2312719742" sldId="2147307528"/>
            <ac:spMk id="103" creationId="{9E79760A-8C07-46FB-A2AB-5C7E24D6A648}"/>
          </ac:spMkLst>
        </pc:spChg>
        <pc:spChg chg="mod">
          <ac:chgData name="Ajwaliya, Nishit" userId="d6171631-3d08-453d-8afd-2dc62a5026e2" providerId="ADAL" clId="{BE6821DD-7D57-4DD5-8A13-4769FA62AF9C}" dt="2021-09-16T21:22:06.726" v="314" actId="1038"/>
          <ac:spMkLst>
            <pc:docMk/>
            <pc:sldMk cId="2312719742" sldId="2147307528"/>
            <ac:spMk id="104" creationId="{705A9A38-02C7-4EB3-B963-C23BA41B0057}"/>
          </ac:spMkLst>
        </pc:spChg>
        <pc:spChg chg="mod">
          <ac:chgData name="Ajwaliya, Nishit" userId="d6171631-3d08-453d-8afd-2dc62a5026e2" providerId="ADAL" clId="{BE6821DD-7D57-4DD5-8A13-4769FA62AF9C}" dt="2021-09-17T19:16:06.050" v="4044" actId="1035"/>
          <ac:spMkLst>
            <pc:docMk/>
            <pc:sldMk cId="2312719742" sldId="2147307528"/>
            <ac:spMk id="106" creationId="{349290AA-5EEE-4517-B6AD-EB63B50A3578}"/>
          </ac:spMkLst>
        </pc:spChg>
        <pc:spChg chg="mod">
          <ac:chgData name="Ajwaliya, Nishit" userId="d6171631-3d08-453d-8afd-2dc62a5026e2" providerId="ADAL" clId="{BE6821DD-7D57-4DD5-8A13-4769FA62AF9C}" dt="2021-09-16T21:21:16.214" v="248" actId="20577"/>
          <ac:spMkLst>
            <pc:docMk/>
            <pc:sldMk cId="2312719742" sldId="2147307528"/>
            <ac:spMk id="108" creationId="{07FB3EA8-A80D-4FA3-92E8-FF6E97646D8E}"/>
          </ac:spMkLst>
        </pc:spChg>
        <pc:spChg chg="mod">
          <ac:chgData name="Ajwaliya, Nishit" userId="d6171631-3d08-453d-8afd-2dc62a5026e2" providerId="ADAL" clId="{BE6821DD-7D57-4DD5-8A13-4769FA62AF9C}" dt="2021-09-17T19:16:06.050" v="4044" actId="1035"/>
          <ac:spMkLst>
            <pc:docMk/>
            <pc:sldMk cId="2312719742" sldId="2147307528"/>
            <ac:spMk id="112" creationId="{0E261F3A-3AEF-4DF9-A3B5-3153A121D3EA}"/>
          </ac:spMkLst>
        </pc:spChg>
        <pc:spChg chg="add mod">
          <ac:chgData name="Ajwaliya, Nishit" userId="d6171631-3d08-453d-8afd-2dc62a5026e2" providerId="ADAL" clId="{BE6821DD-7D57-4DD5-8A13-4769FA62AF9C}" dt="2021-09-16T21:21:34.275" v="252" actId="20577"/>
          <ac:spMkLst>
            <pc:docMk/>
            <pc:sldMk cId="2312719742" sldId="2147307528"/>
            <ac:spMk id="113" creationId="{B24251CA-B9F4-423A-B218-E95B8C5B8E3B}"/>
          </ac:spMkLst>
        </pc:spChg>
        <pc:spChg chg="del mod">
          <ac:chgData name="Ajwaliya, Nishit" userId="d6171631-3d08-453d-8afd-2dc62a5026e2" providerId="ADAL" clId="{BE6821DD-7D57-4DD5-8A13-4769FA62AF9C}" dt="2021-09-17T13:49:00.383" v="2190" actId="478"/>
          <ac:spMkLst>
            <pc:docMk/>
            <pc:sldMk cId="2312719742" sldId="2147307528"/>
            <ac:spMk id="114" creationId="{B0B41EC2-815E-4E21-A322-3818CD0ADE2F}"/>
          </ac:spMkLst>
        </pc:spChg>
        <pc:spChg chg="add mod">
          <ac:chgData name="Ajwaliya, Nishit" userId="d6171631-3d08-453d-8afd-2dc62a5026e2" providerId="ADAL" clId="{BE6821DD-7D57-4DD5-8A13-4769FA62AF9C}" dt="2021-09-16T21:21:30.226" v="250" actId="1076"/>
          <ac:spMkLst>
            <pc:docMk/>
            <pc:sldMk cId="2312719742" sldId="2147307528"/>
            <ac:spMk id="115" creationId="{A3FD7F4E-4280-4ACC-A6CA-28DBC3B35DE2}"/>
          </ac:spMkLst>
        </pc:spChg>
        <pc:spChg chg="mod">
          <ac:chgData name="Ajwaliya, Nishit" userId="d6171631-3d08-453d-8afd-2dc62a5026e2" providerId="ADAL" clId="{BE6821DD-7D57-4DD5-8A13-4769FA62AF9C}" dt="2021-09-17T19:16:14.292" v="4049" actId="1037"/>
          <ac:spMkLst>
            <pc:docMk/>
            <pc:sldMk cId="2312719742" sldId="2147307528"/>
            <ac:spMk id="116" creationId="{D3DBF1A3-439E-46C3-8DC9-4CBBD205A50C}"/>
          </ac:spMkLst>
        </pc:spChg>
        <pc:spChg chg="add mod">
          <ac:chgData name="Ajwaliya, Nishit" userId="d6171631-3d08-453d-8afd-2dc62a5026e2" providerId="ADAL" clId="{BE6821DD-7D57-4DD5-8A13-4769FA62AF9C}" dt="2021-09-17T19:16:18.910" v="4055" actId="1037"/>
          <ac:spMkLst>
            <pc:docMk/>
            <pc:sldMk cId="2312719742" sldId="2147307528"/>
            <ac:spMk id="117" creationId="{4F130A5C-1382-46EA-A3C5-74E27DCD9198}"/>
          </ac:spMkLst>
        </pc:spChg>
        <pc:spChg chg="add del mod">
          <ac:chgData name="Ajwaliya, Nishit" userId="d6171631-3d08-453d-8afd-2dc62a5026e2" providerId="ADAL" clId="{BE6821DD-7D57-4DD5-8A13-4769FA62AF9C}" dt="2021-09-17T14:24:18.285" v="2533" actId="478"/>
          <ac:spMkLst>
            <pc:docMk/>
            <pc:sldMk cId="2312719742" sldId="2147307528"/>
            <ac:spMk id="118" creationId="{5A050488-8C03-46A2-8785-1DD733976AA2}"/>
          </ac:spMkLst>
        </pc:spChg>
        <pc:spChg chg="del">
          <ac:chgData name="Ajwaliya, Nishit" userId="d6171631-3d08-453d-8afd-2dc62a5026e2" providerId="ADAL" clId="{BE6821DD-7D57-4DD5-8A13-4769FA62AF9C}" dt="2021-09-17T13:49:00.383" v="2190" actId="478"/>
          <ac:spMkLst>
            <pc:docMk/>
            <pc:sldMk cId="2312719742" sldId="2147307528"/>
            <ac:spMk id="123" creationId="{1F8F5CB0-955E-443F-A501-7EB27A42F126}"/>
          </ac:spMkLst>
        </pc:spChg>
        <pc:spChg chg="mod">
          <ac:chgData name="Ajwaliya, Nishit" userId="d6171631-3d08-453d-8afd-2dc62a5026e2" providerId="ADAL" clId="{BE6821DD-7D57-4DD5-8A13-4769FA62AF9C}" dt="2021-09-17T13:50:48.427" v="2192" actId="1037"/>
          <ac:spMkLst>
            <pc:docMk/>
            <pc:sldMk cId="2312719742" sldId="2147307528"/>
            <ac:spMk id="124" creationId="{0F8BAFA5-C39E-4D40-BEAB-6ECE84C10D74}"/>
          </ac:spMkLst>
        </pc:spChg>
        <pc:spChg chg="mod">
          <ac:chgData name="Ajwaliya, Nishit" userId="d6171631-3d08-453d-8afd-2dc62a5026e2" providerId="ADAL" clId="{BE6821DD-7D57-4DD5-8A13-4769FA62AF9C}" dt="2021-09-16T21:18:11.893" v="175" actId="1037"/>
          <ac:spMkLst>
            <pc:docMk/>
            <pc:sldMk cId="2312719742" sldId="2147307528"/>
            <ac:spMk id="125" creationId="{1C748C3D-94DF-43FE-96B3-A700756508CE}"/>
          </ac:spMkLst>
        </pc:spChg>
        <pc:spChg chg="mod">
          <ac:chgData name="Ajwaliya, Nishit" userId="d6171631-3d08-453d-8afd-2dc62a5026e2" providerId="ADAL" clId="{BE6821DD-7D57-4DD5-8A13-4769FA62AF9C}" dt="2021-09-16T21:23:09.580" v="339" actId="14100"/>
          <ac:spMkLst>
            <pc:docMk/>
            <pc:sldMk cId="2312719742" sldId="2147307528"/>
            <ac:spMk id="128" creationId="{42E3C3F5-1547-421C-A2A3-071D520F9AA3}"/>
          </ac:spMkLst>
        </pc:spChg>
        <pc:spChg chg="del">
          <ac:chgData name="Ajwaliya, Nishit" userId="d6171631-3d08-453d-8afd-2dc62a5026e2" providerId="ADAL" clId="{BE6821DD-7D57-4DD5-8A13-4769FA62AF9C}" dt="2021-09-17T13:49:00.383" v="2190" actId="478"/>
          <ac:spMkLst>
            <pc:docMk/>
            <pc:sldMk cId="2312719742" sldId="2147307528"/>
            <ac:spMk id="129" creationId="{0FFD3580-84AD-4213-BA53-012C34DA9551}"/>
          </ac:spMkLst>
        </pc:spChg>
        <pc:spChg chg="mod">
          <ac:chgData name="Ajwaliya, Nishit" userId="d6171631-3d08-453d-8afd-2dc62a5026e2" providerId="ADAL" clId="{BE6821DD-7D57-4DD5-8A13-4769FA62AF9C}" dt="2021-09-16T21:23:09.580" v="339" actId="14100"/>
          <ac:spMkLst>
            <pc:docMk/>
            <pc:sldMk cId="2312719742" sldId="2147307528"/>
            <ac:spMk id="130" creationId="{28D44024-805C-42A3-A536-7F7CD8072048}"/>
          </ac:spMkLst>
        </pc:spChg>
        <pc:spChg chg="add del mod">
          <ac:chgData name="Ajwaliya, Nishit" userId="d6171631-3d08-453d-8afd-2dc62a5026e2" providerId="ADAL" clId="{BE6821DD-7D57-4DD5-8A13-4769FA62AF9C}" dt="2021-09-17T14:24:06.282" v="2532" actId="478"/>
          <ac:spMkLst>
            <pc:docMk/>
            <pc:sldMk cId="2312719742" sldId="2147307528"/>
            <ac:spMk id="131" creationId="{63CFA87B-B52C-427F-810D-3D6E2318AE9B}"/>
          </ac:spMkLst>
        </pc:spChg>
        <pc:spChg chg="mod">
          <ac:chgData name="Ajwaliya, Nishit" userId="d6171631-3d08-453d-8afd-2dc62a5026e2" providerId="ADAL" clId="{BE6821DD-7D57-4DD5-8A13-4769FA62AF9C}" dt="2021-09-17T19:15:47.792" v="4031" actId="20577"/>
          <ac:spMkLst>
            <pc:docMk/>
            <pc:sldMk cId="2312719742" sldId="2147307528"/>
            <ac:spMk id="133" creationId="{3272B8BB-B968-4C50-992E-6482D9F8745E}"/>
          </ac:spMkLst>
        </pc:spChg>
        <pc:spChg chg="mod">
          <ac:chgData name="Ajwaliya, Nishit" userId="d6171631-3d08-453d-8afd-2dc62a5026e2" providerId="ADAL" clId="{BE6821DD-7D57-4DD5-8A13-4769FA62AF9C}" dt="2021-09-16T21:23:09.580" v="339" actId="14100"/>
          <ac:spMkLst>
            <pc:docMk/>
            <pc:sldMk cId="2312719742" sldId="2147307528"/>
            <ac:spMk id="134" creationId="{DDC0F982-804C-4C13-B6CF-886890383620}"/>
          </ac:spMkLst>
        </pc:spChg>
        <pc:spChg chg="mod">
          <ac:chgData name="Ajwaliya, Nishit" userId="d6171631-3d08-453d-8afd-2dc62a5026e2" providerId="ADAL" clId="{BE6821DD-7D57-4DD5-8A13-4769FA62AF9C}" dt="2021-09-16T21:20:33.446" v="192" actId="20577"/>
          <ac:spMkLst>
            <pc:docMk/>
            <pc:sldMk cId="2312719742" sldId="2147307528"/>
            <ac:spMk id="138" creationId="{C5E0B5E7-7900-49EA-AD84-0B2C9DA3631F}"/>
          </ac:spMkLst>
        </pc:spChg>
        <pc:spChg chg="mod">
          <ac:chgData name="Ajwaliya, Nishit" userId="d6171631-3d08-453d-8afd-2dc62a5026e2" providerId="ADAL" clId="{BE6821DD-7D57-4DD5-8A13-4769FA62AF9C}" dt="2021-09-17T17:58:13.227" v="2816" actId="1038"/>
          <ac:spMkLst>
            <pc:docMk/>
            <pc:sldMk cId="2312719742" sldId="2147307528"/>
            <ac:spMk id="144" creationId="{D9F430B6-AA12-4E55-BD8E-7F722DCC89EC}"/>
          </ac:spMkLst>
        </pc:spChg>
        <pc:spChg chg="mod">
          <ac:chgData name="Ajwaliya, Nishit" userId="d6171631-3d08-453d-8afd-2dc62a5026e2" providerId="ADAL" clId="{BE6821DD-7D57-4DD5-8A13-4769FA62AF9C}" dt="2021-09-16T21:21:48.471" v="272" actId="1038"/>
          <ac:spMkLst>
            <pc:docMk/>
            <pc:sldMk cId="2312719742" sldId="2147307528"/>
            <ac:spMk id="151" creationId="{3A4AC253-3FE1-4C73-ABAA-E3F0D079DB2B}"/>
          </ac:spMkLst>
        </pc:spChg>
        <pc:spChg chg="mod">
          <ac:chgData name="Ajwaliya, Nishit" userId="d6171631-3d08-453d-8afd-2dc62a5026e2" providerId="ADAL" clId="{BE6821DD-7D57-4DD5-8A13-4769FA62AF9C}" dt="2021-09-17T13:50:21.109" v="2191" actId="1038"/>
          <ac:spMkLst>
            <pc:docMk/>
            <pc:sldMk cId="2312719742" sldId="2147307528"/>
            <ac:spMk id="155" creationId="{FA445F10-C787-448B-AE7C-7D1BF8D50D56}"/>
          </ac:spMkLst>
        </pc:spChg>
        <pc:spChg chg="mod">
          <ac:chgData name="Ajwaliya, Nishit" userId="d6171631-3d08-453d-8afd-2dc62a5026e2" providerId="ADAL" clId="{BE6821DD-7D57-4DD5-8A13-4769FA62AF9C}" dt="2021-09-16T21:17:44.028" v="169" actId="1037"/>
          <ac:spMkLst>
            <pc:docMk/>
            <pc:sldMk cId="2312719742" sldId="2147307528"/>
            <ac:spMk id="163" creationId="{BDD54725-3AE1-481F-A3CE-8E571CD871EC}"/>
          </ac:spMkLst>
        </pc:spChg>
        <pc:spChg chg="mod">
          <ac:chgData name="Ajwaliya, Nishit" userId="d6171631-3d08-453d-8afd-2dc62a5026e2" providerId="ADAL" clId="{BE6821DD-7D57-4DD5-8A13-4769FA62AF9C}" dt="2021-09-16T21:22:11.391" v="327" actId="1038"/>
          <ac:spMkLst>
            <pc:docMk/>
            <pc:sldMk cId="2312719742" sldId="2147307528"/>
            <ac:spMk id="171" creationId="{A4968A38-1CB8-45E4-989B-D07B14C18791}"/>
          </ac:spMkLst>
        </pc:spChg>
        <pc:spChg chg="mod">
          <ac:chgData name="Ajwaliya, Nishit" userId="d6171631-3d08-453d-8afd-2dc62a5026e2" providerId="ADAL" clId="{BE6821DD-7D57-4DD5-8A13-4769FA62AF9C}" dt="2021-09-17T19:13:50.363" v="4005" actId="1036"/>
          <ac:spMkLst>
            <pc:docMk/>
            <pc:sldMk cId="2312719742" sldId="2147307528"/>
            <ac:spMk id="174" creationId="{6E729406-BCD9-431E-8B26-6F97A4C03E00}"/>
          </ac:spMkLst>
        </pc:spChg>
        <pc:spChg chg="mod">
          <ac:chgData name="Ajwaliya, Nishit" userId="d6171631-3d08-453d-8afd-2dc62a5026e2" providerId="ADAL" clId="{BE6821DD-7D57-4DD5-8A13-4769FA62AF9C}" dt="2021-09-16T21:18:17.981" v="176" actId="1037"/>
          <ac:spMkLst>
            <pc:docMk/>
            <pc:sldMk cId="2312719742" sldId="2147307528"/>
            <ac:spMk id="176" creationId="{6FFA297E-BD4C-4984-8DA1-974107E360C0}"/>
          </ac:spMkLst>
        </pc:spChg>
        <pc:spChg chg="mod">
          <ac:chgData name="Ajwaliya, Nishit" userId="d6171631-3d08-453d-8afd-2dc62a5026e2" providerId="ADAL" clId="{BE6821DD-7D57-4DD5-8A13-4769FA62AF9C}" dt="2021-09-17T13:50:53.703" v="2193" actId="1038"/>
          <ac:spMkLst>
            <pc:docMk/>
            <pc:sldMk cId="2312719742" sldId="2147307528"/>
            <ac:spMk id="177" creationId="{F87CC682-6CBB-494A-8113-DA1E61FE62C6}"/>
          </ac:spMkLst>
        </pc:spChg>
        <pc:spChg chg="mod">
          <ac:chgData name="Ajwaliya, Nishit" userId="d6171631-3d08-453d-8afd-2dc62a5026e2" providerId="ADAL" clId="{BE6821DD-7D57-4DD5-8A13-4769FA62AF9C}" dt="2021-09-16T21:22:11.391" v="327" actId="1038"/>
          <ac:spMkLst>
            <pc:docMk/>
            <pc:sldMk cId="2312719742" sldId="2147307528"/>
            <ac:spMk id="187" creationId="{EFF18A99-ABA3-4DD1-8F4C-F92ED78F9CC9}"/>
          </ac:spMkLst>
        </pc:spChg>
        <pc:spChg chg="mod">
          <ac:chgData name="Ajwaliya, Nishit" userId="d6171631-3d08-453d-8afd-2dc62a5026e2" providerId="ADAL" clId="{BE6821DD-7D57-4DD5-8A13-4769FA62AF9C}" dt="2021-09-16T21:23:09.580" v="339" actId="14100"/>
          <ac:spMkLst>
            <pc:docMk/>
            <pc:sldMk cId="2312719742" sldId="2147307528"/>
            <ac:spMk id="189" creationId="{5D211D3C-73F0-46FA-AD56-2BDECB55C184}"/>
          </ac:spMkLst>
        </pc:spChg>
        <pc:spChg chg="mod">
          <ac:chgData name="Ajwaliya, Nishit" userId="d6171631-3d08-453d-8afd-2dc62a5026e2" providerId="ADAL" clId="{BE6821DD-7D57-4DD5-8A13-4769FA62AF9C}" dt="2021-09-17T17:58:35.736" v="2826" actId="1035"/>
          <ac:spMkLst>
            <pc:docMk/>
            <pc:sldMk cId="2312719742" sldId="2147307528"/>
            <ac:spMk id="203" creationId="{01978453-8B00-4A50-85D1-D02BB9CA7E7C}"/>
          </ac:spMkLst>
        </pc:spChg>
        <pc:spChg chg="mod">
          <ac:chgData name="Ajwaliya, Nishit" userId="d6171631-3d08-453d-8afd-2dc62a5026e2" providerId="ADAL" clId="{BE6821DD-7D57-4DD5-8A13-4769FA62AF9C}" dt="2021-09-16T21:22:02.366" v="309" actId="1038"/>
          <ac:spMkLst>
            <pc:docMk/>
            <pc:sldMk cId="2312719742" sldId="2147307528"/>
            <ac:spMk id="213" creationId="{2232032A-DFA7-4838-AEC8-875A56E572F3}"/>
          </ac:spMkLst>
        </pc:spChg>
        <pc:spChg chg="mod">
          <ac:chgData name="Ajwaliya, Nishit" userId="d6171631-3d08-453d-8afd-2dc62a5026e2" providerId="ADAL" clId="{BE6821DD-7D57-4DD5-8A13-4769FA62AF9C}" dt="2021-09-16T21:22:23.795" v="328" actId="1076"/>
          <ac:spMkLst>
            <pc:docMk/>
            <pc:sldMk cId="2312719742" sldId="2147307528"/>
            <ac:spMk id="215" creationId="{6733E616-888B-470F-BAEC-AC78C624C992}"/>
          </ac:spMkLst>
        </pc:spChg>
        <pc:spChg chg="mod">
          <ac:chgData name="Ajwaliya, Nishit" userId="d6171631-3d08-453d-8afd-2dc62a5026e2" providerId="ADAL" clId="{BE6821DD-7D57-4DD5-8A13-4769FA62AF9C}" dt="2021-09-16T21:22:30.467" v="336" actId="20577"/>
          <ac:spMkLst>
            <pc:docMk/>
            <pc:sldMk cId="2312719742" sldId="2147307528"/>
            <ac:spMk id="221" creationId="{3FEFAC13-FA4E-4722-8636-B0F4DB14B444}"/>
          </ac:spMkLst>
        </pc:spChg>
        <pc:picChg chg="mod">
          <ac:chgData name="Ajwaliya, Nishit" userId="d6171631-3d08-453d-8afd-2dc62a5026e2" providerId="ADAL" clId="{BE6821DD-7D57-4DD5-8A13-4769FA62AF9C}" dt="2021-09-16T21:22:02.366" v="309" actId="1038"/>
          <ac:picMkLst>
            <pc:docMk/>
            <pc:sldMk cId="2312719742" sldId="2147307528"/>
            <ac:picMk id="212" creationId="{073E04DF-8316-4E39-A58D-09FFE3057DB0}"/>
          </ac:picMkLst>
        </pc:picChg>
        <pc:cxnChg chg="mod">
          <ac:chgData name="Ajwaliya, Nishit" userId="d6171631-3d08-453d-8afd-2dc62a5026e2" providerId="ADAL" clId="{BE6821DD-7D57-4DD5-8A13-4769FA62AF9C}" dt="2021-09-16T21:27:04.074" v="348" actId="14100"/>
          <ac:cxnSpMkLst>
            <pc:docMk/>
            <pc:sldMk cId="2312719742" sldId="2147307528"/>
            <ac:cxnSpMk id="5" creationId="{647B011B-7ADE-4400-839C-981A0590474B}"/>
          </ac:cxnSpMkLst>
        </pc:cxnChg>
        <pc:cxnChg chg="mod">
          <ac:chgData name="Ajwaliya, Nishit" userId="d6171631-3d08-453d-8afd-2dc62a5026e2" providerId="ADAL" clId="{BE6821DD-7D57-4DD5-8A13-4769FA62AF9C}" dt="2021-09-16T21:18:43.357" v="177" actId="14100"/>
          <ac:cxnSpMkLst>
            <pc:docMk/>
            <pc:sldMk cId="2312719742" sldId="2147307528"/>
            <ac:cxnSpMk id="122" creationId="{F961ADB8-2408-4630-9023-115E0C7AD7C2}"/>
          </ac:cxnSpMkLst>
        </pc:cxnChg>
        <pc:cxnChg chg="mod">
          <ac:chgData name="Ajwaliya, Nishit" userId="d6171631-3d08-453d-8afd-2dc62a5026e2" providerId="ADAL" clId="{BE6821DD-7D57-4DD5-8A13-4769FA62AF9C}" dt="2021-09-16T21:19:28.825" v="183" actId="14100"/>
          <ac:cxnSpMkLst>
            <pc:docMk/>
            <pc:sldMk cId="2312719742" sldId="2147307528"/>
            <ac:cxnSpMk id="127" creationId="{988282A2-0907-4B4B-9004-B461B0D19AEE}"/>
          </ac:cxnSpMkLst>
        </pc:cxnChg>
        <pc:cxnChg chg="mod">
          <ac:chgData name="Ajwaliya, Nishit" userId="d6171631-3d08-453d-8afd-2dc62a5026e2" providerId="ADAL" clId="{BE6821DD-7D57-4DD5-8A13-4769FA62AF9C}" dt="2021-09-16T21:20:11.106" v="186" actId="14100"/>
          <ac:cxnSpMkLst>
            <pc:docMk/>
            <pc:sldMk cId="2312719742" sldId="2147307528"/>
            <ac:cxnSpMk id="136" creationId="{F7671822-8FF2-476B-9E10-A02943AAFC20}"/>
          </ac:cxnSpMkLst>
        </pc:cxnChg>
      </pc:sldChg>
      <pc:sldChg chg="addSp delSp modSp add mod ord">
        <pc:chgData name="Ajwaliya, Nishit" userId="d6171631-3d08-453d-8afd-2dc62a5026e2" providerId="ADAL" clId="{BE6821DD-7D57-4DD5-8A13-4769FA62AF9C}" dt="2021-09-20T17:14:43.901" v="4251" actId="478"/>
        <pc:sldMkLst>
          <pc:docMk/>
          <pc:sldMk cId="904261193" sldId="2147307529"/>
        </pc:sldMkLst>
        <pc:spChg chg="mod">
          <ac:chgData name="Ajwaliya, Nishit" userId="d6171631-3d08-453d-8afd-2dc62a5026e2" providerId="ADAL" clId="{BE6821DD-7D57-4DD5-8A13-4769FA62AF9C}" dt="2021-09-17T13:21:33.401" v="1412" actId="6549"/>
          <ac:spMkLst>
            <pc:docMk/>
            <pc:sldMk cId="904261193" sldId="2147307529"/>
            <ac:spMk id="2" creationId="{65606505-0DE3-4026-B55A-3FA303F48AC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3" creationId="{E705DD29-DEEB-40F2-955C-8E9F8269A2E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4" creationId="{F22F5D03-DBE6-4766-B9F0-652066D84E4F}"/>
          </ac:spMkLst>
        </pc:spChg>
        <pc:spChg chg="add del">
          <ac:chgData name="Ajwaliya, Nishit" userId="d6171631-3d08-453d-8afd-2dc62a5026e2" providerId="ADAL" clId="{BE6821DD-7D57-4DD5-8A13-4769FA62AF9C}" dt="2021-09-17T18:42:14.187" v="3316" actId="478"/>
          <ac:spMkLst>
            <pc:docMk/>
            <pc:sldMk cId="904261193" sldId="2147307529"/>
            <ac:spMk id="7" creationId="{4D567F02-391E-478B-AD2F-8089166DA355}"/>
          </ac:spMkLst>
        </pc:spChg>
        <pc:spChg chg="del">
          <ac:chgData name="Ajwaliya, Nishit" userId="d6171631-3d08-453d-8afd-2dc62a5026e2" providerId="ADAL" clId="{BE6821DD-7D57-4DD5-8A13-4769FA62AF9C}" dt="2021-09-16T21:37:14.542" v="371" actId="478"/>
          <ac:spMkLst>
            <pc:docMk/>
            <pc:sldMk cId="904261193" sldId="2147307529"/>
            <ac:spMk id="9" creationId="{63CBB09D-EE89-48CC-A59F-A838F6A6E4AB}"/>
          </ac:spMkLst>
        </pc:spChg>
        <pc:spChg chg="del">
          <ac:chgData name="Ajwaliya, Nishit" userId="d6171631-3d08-453d-8afd-2dc62a5026e2" providerId="ADAL" clId="{BE6821DD-7D57-4DD5-8A13-4769FA62AF9C}" dt="2021-09-16T21:37:14.542" v="371" actId="478"/>
          <ac:spMkLst>
            <pc:docMk/>
            <pc:sldMk cId="904261193" sldId="2147307529"/>
            <ac:spMk id="22" creationId="{DCA00580-B033-4CE3-A0EC-9D792B642F8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6" creationId="{24293CC2-EA11-43DE-85FC-3184F8128656}"/>
          </ac:spMkLst>
        </pc:spChg>
        <pc:spChg chg="add mod">
          <ac:chgData name="Ajwaliya, Nishit" userId="d6171631-3d08-453d-8afd-2dc62a5026e2" providerId="ADAL" clId="{BE6821DD-7D57-4DD5-8A13-4769FA62AF9C}" dt="2021-09-20T17:13:57.818" v="4222" actId="207"/>
          <ac:spMkLst>
            <pc:docMk/>
            <pc:sldMk cId="904261193" sldId="2147307529"/>
            <ac:spMk id="65" creationId="{F3A46AEB-4A5E-4111-9045-8FD8BA026F89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67" creationId="{13AF4990-BEC8-4F76-90A9-21EF7C67AE3B}"/>
          </ac:spMkLst>
        </pc:spChg>
        <pc:spChg chg="add del mod">
          <ac:chgData name="Ajwaliya, Nishit" userId="d6171631-3d08-453d-8afd-2dc62a5026e2" providerId="ADAL" clId="{BE6821DD-7D57-4DD5-8A13-4769FA62AF9C}" dt="2021-09-20T17:14:43.901" v="4251" actId="478"/>
          <ac:spMkLst>
            <pc:docMk/>
            <pc:sldMk cId="904261193" sldId="2147307529"/>
            <ac:spMk id="67" creationId="{8CA8ECA6-21A7-4CD1-A369-493CF46BFB90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69" creationId="{01B95DB8-8395-45E2-8451-4D61E9C8C07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70" creationId="{CB334639-855E-4746-BFC5-89E45E4FD7C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76" creationId="{9A520CC5-FA03-4165-9311-61DCAD63AA0D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84" creationId="{60BBD388-7AED-42EE-A76C-C401F0E3C96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86" creationId="{7BEAD126-BC38-4A82-9ADF-631A1EB5B79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87" creationId="{D171760A-447B-483E-87A3-5A7511C18F9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88" creationId="{1C61089B-9BC4-4D8D-B373-9B95214FAE1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97" creationId="{6E524798-4223-4344-86DC-003903A21CC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0" creationId="{7EF2B686-B864-4A0C-976A-AC294FF4935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3" creationId="{9E79760A-8C07-46FB-A2AB-5C7E24D6A64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4" creationId="{705A9A38-02C7-4EB3-B963-C23BA41B005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5" creationId="{B4573916-DB99-4B23-AC58-52569CC342A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6" creationId="{349290AA-5EEE-4517-B6AD-EB63B50A357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7" creationId="{8C9ADB6B-5737-44AB-BA35-BDF2293631E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8" creationId="{07FB3EA8-A80D-4FA3-92E8-FF6E97646D8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9" creationId="{58A5E0AF-AF8D-49C2-A190-BD3E384D995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0" creationId="{6F87E31E-712F-4AB2-82B8-8BCF5ED1EFF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1" creationId="{7B33BC42-F6C2-4925-8E71-5FE5BE7BB53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2" creationId="{0E261F3A-3AEF-4DF9-A3B5-3153A121D3E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3" creationId="{B24251CA-B9F4-423A-B218-E95B8C5B8E3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4" creationId="{B0B41EC2-815E-4E21-A322-3818CD0ADE2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5" creationId="{A3FD7F4E-4280-4ACC-A6CA-28DBC3B35DE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6" creationId="{D3DBF1A3-439E-46C3-8DC9-4CBBD205A50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7" creationId="{4F130A5C-1382-46EA-A3C5-74E27DCD9198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18" creationId="{42986D70-1C59-4066-80E1-9A88D5B2E8C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9" creationId="{667A639C-B9C3-4DD1-ABE8-08EA94BC3D8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0" creationId="{0985C24F-0727-47A9-A4DC-E0DF87EF2AA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1" creationId="{378FE9D9-C8AA-4E60-9C0C-66590B1E21B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3" creationId="{1F8F5CB0-955E-443F-A501-7EB27A42F12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4" creationId="{0F8BAFA5-C39E-4D40-BEAB-6ECE84C10D7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5" creationId="{1C748C3D-94DF-43FE-96B3-A700756508C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6" creationId="{F24ED024-8BEE-474D-A1C7-731AE9E7D11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8" creationId="{42E3C3F5-1547-421C-A2A3-071D520F9AA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9" creationId="{0FFD3580-84AD-4213-BA53-012C34DA955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0" creationId="{28D44024-805C-42A3-A536-7F7CD8072048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31" creationId="{09D8D980-1D72-4777-8E79-5E90CA03A94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32" creationId="{2ECC626B-5EB3-43B5-AF3D-155D5BE9680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3" creationId="{3272B8BB-B968-4C50-992E-6482D9F8745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4" creationId="{DDC0F982-804C-4C13-B6CF-886890383620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5" creationId="{29EF487B-6194-4129-AC46-A7DEFC1BC40B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37" creationId="{2D480B26-47D9-44CA-9080-DAC70FC4EF7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8" creationId="{C5E0B5E7-7900-49EA-AD84-0B2C9DA3631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9" creationId="{B63DC23E-751D-488B-90E7-2F7AB402268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40" creationId="{3FCD83B7-1EFF-4CD9-A187-C738E53A836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41" creationId="{24BC9807-652F-4E51-9BD1-4BC56411F2C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42" creationId="{7E5D1AD3-EE5B-4258-8631-DEA307AB510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3" creationId="{A25C0F05-891E-43A5-B123-2CA6B406793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44" creationId="{D9F430B6-AA12-4E55-BD8E-7F722DCC89EC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5" creationId="{74CC6F16-2D2C-4760-A037-108EDA7D8BD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6" creationId="{00149C6D-AFDE-42C1-ADC8-EF34CAB8ED2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7" creationId="{1275CEAB-8A8B-41FB-9A9C-EFAA5D6E107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8" creationId="{3EDA7CC9-3CA6-4C93-91DA-751C9C15DFDC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9" creationId="{A3AEF4CF-E389-459D-BA57-0592054AC17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0" creationId="{F78BBED7-BA93-468F-8092-FB51EB03EF7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1" creationId="{3A4AC253-3FE1-4C73-ABAA-E3F0D079DB2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2" creationId="{B8132A58-8625-46BA-B378-908981D63D9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3" creationId="{D48604F7-129F-4FAE-90D3-437401E3ECD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4" creationId="{907276B4-0603-4BF9-9900-1A6B72799A9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5" creationId="{FA445F10-C787-448B-AE7C-7D1BF8D50D56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6" creationId="{F376A139-554D-4092-95EB-5518DB8A5AD8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7" creationId="{D20983BB-E1EF-403C-AF2D-DD65DB9819D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8" creationId="{1A181B70-5013-4943-9506-3E7AB26EED1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9" creationId="{F2BAE780-C08A-47A0-8375-D27977355B9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60" creationId="{6F46F7EA-A0B6-4B49-9286-5C80BEC6304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61" creationId="{5E0C8A60-C3A9-4D2F-9D66-B60E2AC0718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63" creationId="{BDD54725-3AE1-481F-A3CE-8E571CD871E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65" creationId="{55FE46CB-4BAC-43D4-A7E3-73079C9B0A1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67" creationId="{87D8CC1F-B56A-4529-87AE-1441B76F21C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69" creationId="{CA387B1C-1433-491C-888E-0EAE240B1442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0" creationId="{11C4DB4B-BF10-403B-8176-3FA43631132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1" creationId="{A4968A38-1CB8-45E4-989B-D07B14C1879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2" creationId="{0B5D2DA3-B48F-439B-BA56-69821F41EC3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3" creationId="{6B28E1B9-599A-4F7B-AE37-0AA7965C1CCD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4" creationId="{6E729406-BCD9-431E-8B26-6F97A4C03E00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5" creationId="{AE28D412-4B95-432A-93FE-5E485424BBA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6" creationId="{6FFA297E-BD4C-4984-8DA1-974107E360C0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7" creationId="{F87CC682-6CBB-494A-8113-DA1E61FE62C6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8" creationId="{CC956A19-D114-4D57-AB17-FDD0ACC3461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9" creationId="{2F6E28C1-E0B7-4DB7-B52F-A5FF83593D7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0" creationId="{3BDAC94B-C5DE-4828-B6D2-34CB8C0E86E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81" creationId="{553BDFC6-BEB6-45E4-B002-7547682B4B9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2" creationId="{411F63BB-11EC-48BF-8115-CC940A1C7A7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3" creationId="{58438A5F-8BBE-40FC-A4C1-3793B1A622D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4" creationId="{29B06BB4-7CA3-42F3-9C26-2A81858901F8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5" creationId="{EE827934-467F-4420-9A5E-36DB99F4022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6" creationId="{A36B0210-714A-4E1A-A694-304F217AAB4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87" creationId="{EFF18A99-ABA3-4DD1-8F4C-F92ED78F9CC9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88" creationId="{4BE12BDB-E35A-4FA6-9DAC-9E141D05A38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89" creationId="{5D211D3C-73F0-46FA-AD56-2BDECB55C184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0" creationId="{C9974749-7A09-4545-B438-158D5DAF4FB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1" creationId="{B955A7AD-18A9-4649-AEBF-02B4E020E68B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2" creationId="{3E0C00A5-6015-4B18-8D1D-8C473C897BB5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3" creationId="{41CF0108-7321-430E-91EB-F8DBC4C37E9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4" creationId="{4251AFF2-E106-4F62-93F0-FDFC7B0AFB8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5" creationId="{D8A78209-43CB-4EB7-8367-5F99EC23327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6" creationId="{ADFF875E-4569-4407-83D6-2A09A043346B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7" creationId="{1288DDD4-2C40-43B5-8A23-FBCE44CDF28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8" creationId="{53FCC0B8-54FE-45EA-A868-1D0D82CE090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9" creationId="{28304D99-AB59-4A54-B2D9-ED6265CBF4C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0" creationId="{41A0CFD7-B019-4C6D-BDA7-60268DBD652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1" creationId="{6C9DF010-9874-4A75-BDFD-0F559CCEAE44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2" creationId="{F435C836-CA42-4268-ADD7-238A5789FED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3" creationId="{01978453-8B00-4A50-85D1-D02BB9CA7E7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4" creationId="{8592C76E-BEAD-4997-B0BA-B05BD6FD9A2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5" creationId="{A347D48E-0186-41F2-A71B-686BD3326EE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6" creationId="{B6C28F17-2225-4512-B301-49439ABFFEF9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7" creationId="{D9CD409A-2087-48B4-993A-8965746DAF94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8" creationId="{F2C80B04-CF80-4059-B9FD-1E84D60D84A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9" creationId="{B80518BD-C030-4C2B-A763-22BC5114F70C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10" creationId="{24A69713-B4D1-40E0-AD43-EEDEA176CD3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1" creationId="{D20D57CD-2D20-43B0-85A7-7E8142C5EE1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3" creationId="{2232032A-DFA7-4838-AEC8-875A56E572F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4" creationId="{5E2E6BE7-326E-41CD-85A2-E03A52B74CC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5" creationId="{6733E616-888B-470F-BAEC-AC78C624C992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16" creationId="{80C3F268-7E3C-465A-BD83-36DCA6FC5A2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7" creationId="{870F50A0-1175-47E9-92E7-DD46C849A279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8" creationId="{D5497791-1749-4298-9ECB-ABE31C240E5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9" creationId="{6ECDE740-6837-4482-A75D-75D5CCCE1BE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0" creationId="{EBF61E9E-C86F-4FCA-9664-C3BD1EAFFF2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1" creationId="{3FEFAC13-FA4E-4722-8636-B0F4DB14B44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2" creationId="{36EE1830-4B80-4640-8773-23ACCEC0C97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3" creationId="{D1BA4C75-1521-4DA8-9152-3A8902EEB53D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4" creationId="{F68889B6-1E8B-49C4-8457-3D36B7EC723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5" creationId="{09087ACF-D453-4EBC-917B-F62E2471B9D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6" creationId="{09701D7A-AEC3-4A15-9738-081D896783D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7" creationId="{19F29F9B-05DD-4654-B270-BA9844B5212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28" creationId="{FE9FDC8D-6D04-45EA-9BCE-9B49085DE6F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29" creationId="{822D758A-5379-4DDC-8DA5-0AC4D246A6E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0" creationId="{59218CDC-934C-45B4-81B5-23EADF04DBE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1" creationId="{FF32807F-AF23-4470-B5FD-E1C220319C5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32" creationId="{B42C5448-0D1A-4823-B570-EB0D1473752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3" creationId="{9DC391FA-582E-462D-B80B-562DD6B38DF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4" creationId="{65093B07-58CD-49EE-AC14-71373A166F1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5" creationId="{8FC37195-304C-48AF-BC1C-B1497FFCB94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6" creationId="{7894B957-F935-4FE5-B515-B030CE51CF2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7" creationId="{1EA67941-3F59-4EAD-8228-FF39264EB89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8" creationId="{BB5198DF-7051-4F6D-A5D0-0E9E52DE6BC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39" creationId="{3622AFD8-48BE-4EC7-907A-ACDAF71C4EB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0" creationId="{7E58F0E9-B1CD-434B-B205-3D45E060A100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1" creationId="{02E346E6-32C5-4BF3-B13B-E30B17C0A1E2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2" creationId="{7C8EFAF6-5D57-4E9B-87D7-4C6F71906FCB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3" creationId="{CC4C6CE1-E981-4420-95BC-17180703CF6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4" creationId="{B6E39C48-3FC2-46E8-A46A-7D05FAF3C6F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5" creationId="{F1946E6A-C1D2-4F35-BA90-402EF4B120DD}"/>
          </ac:spMkLst>
        </pc:spChg>
        <pc:spChg chg="mod">
          <ac:chgData name="Ajwaliya, Nishit" userId="d6171631-3d08-453d-8afd-2dc62a5026e2" providerId="ADAL" clId="{BE6821DD-7D57-4DD5-8A13-4769FA62AF9C}" dt="2021-09-16T21:37:38.899" v="372"/>
          <ac:spMkLst>
            <pc:docMk/>
            <pc:sldMk cId="904261193" sldId="2147307529"/>
            <ac:spMk id="247" creationId="{055F5479-78DC-4647-9753-EB042E3AF4FA}"/>
          </ac:spMkLst>
        </pc:spChg>
        <pc:spChg chg="mod">
          <ac:chgData name="Ajwaliya, Nishit" userId="d6171631-3d08-453d-8afd-2dc62a5026e2" providerId="ADAL" clId="{BE6821DD-7D57-4DD5-8A13-4769FA62AF9C}" dt="2021-09-16T21:37:38.899" v="372"/>
          <ac:spMkLst>
            <pc:docMk/>
            <pc:sldMk cId="904261193" sldId="2147307529"/>
            <ac:spMk id="248" creationId="{E09748A5-B73D-4800-8513-8DB943141FEA}"/>
          </ac:spMkLst>
        </pc:spChg>
        <pc:spChg chg="mod">
          <ac:chgData name="Ajwaliya, Nishit" userId="d6171631-3d08-453d-8afd-2dc62a5026e2" providerId="ADAL" clId="{BE6821DD-7D57-4DD5-8A13-4769FA62AF9C}" dt="2021-09-16T21:37:38.899" v="372"/>
          <ac:spMkLst>
            <pc:docMk/>
            <pc:sldMk cId="904261193" sldId="2147307529"/>
            <ac:spMk id="249" creationId="{B1AD80B9-6194-4E61-A15E-02529B4A163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0" creationId="{415CB360-51C0-451F-BF9F-A890F459F6B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2" creationId="{5966FB3D-4C20-4C16-8936-D99E60C7198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4" creationId="{B3D5815E-C6FF-41BF-AC1A-14BDAB0F366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5" creationId="{66B1F51B-1C73-472A-8BE8-400EE967D2C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6" creationId="{9AE2E7D7-2FED-486C-AEAD-0B0A322588E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7" creationId="{4D168153-2ABB-48C8-93AB-7221BAAD5ED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8" creationId="{D557A094-1176-4A8D-B5EA-E2FBFD86DDA2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9" creationId="{7861417A-6A3E-4729-8440-44AA5D697E3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0" creationId="{5DCB2E27-53D9-4D7E-84D5-DC067251088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1" creationId="{AFD5B192-FF55-4389-9915-76782A198D0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2" creationId="{3EFFD4D5-E5F6-4B5F-80E0-079492132AE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3" creationId="{191E5EC2-AA91-4C1E-BF54-B1D615CF61D0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4" creationId="{045BC0CC-EA84-498D-B9CD-76F9CC9DEDFF}"/>
          </ac:spMkLst>
        </pc:spChg>
        <pc:spChg chg="add del mod">
          <ac:chgData name="Ajwaliya, Nishit" userId="d6171631-3d08-453d-8afd-2dc62a5026e2" providerId="ADAL" clId="{BE6821DD-7D57-4DD5-8A13-4769FA62AF9C}" dt="2021-09-17T11:52:51.253" v="616" actId="478"/>
          <ac:spMkLst>
            <pc:docMk/>
            <pc:sldMk cId="904261193" sldId="2147307529"/>
            <ac:spMk id="265" creationId="{8A5C9607-B30B-4E87-95B3-89FEFDF3D2B6}"/>
          </ac:spMkLst>
        </pc:spChg>
        <pc:spChg chg="add del mod">
          <ac:chgData name="Ajwaliya, Nishit" userId="d6171631-3d08-453d-8afd-2dc62a5026e2" providerId="ADAL" clId="{BE6821DD-7D57-4DD5-8A13-4769FA62AF9C}" dt="2021-09-17T11:52:55.695" v="618" actId="478"/>
          <ac:spMkLst>
            <pc:docMk/>
            <pc:sldMk cId="904261193" sldId="2147307529"/>
            <ac:spMk id="266" creationId="{F4E42EC5-0F7B-4549-9971-086477526610}"/>
          </ac:spMkLst>
        </pc:spChg>
        <pc:spChg chg="add del mod">
          <ac:chgData name="Ajwaliya, Nishit" userId="d6171631-3d08-453d-8afd-2dc62a5026e2" providerId="ADAL" clId="{BE6821DD-7D57-4DD5-8A13-4769FA62AF9C}" dt="2021-09-17T19:01:05.874" v="3777" actId="478"/>
          <ac:spMkLst>
            <pc:docMk/>
            <pc:sldMk cId="904261193" sldId="2147307529"/>
            <ac:spMk id="267" creationId="{671BC271-AA56-454D-9656-659DE04BCE34}"/>
          </ac:spMkLst>
        </pc:spChg>
        <pc:spChg chg="add del mod">
          <ac:chgData name="Ajwaliya, Nishit" userId="d6171631-3d08-453d-8afd-2dc62a5026e2" providerId="ADAL" clId="{BE6821DD-7D57-4DD5-8A13-4769FA62AF9C}" dt="2021-09-17T19:01:05.874" v="3777" actId="478"/>
          <ac:spMkLst>
            <pc:docMk/>
            <pc:sldMk cId="904261193" sldId="2147307529"/>
            <ac:spMk id="268" creationId="{05C57B33-0C68-49C9-AA7D-09528F389D1A}"/>
          </ac:spMkLst>
        </pc:spChg>
        <pc:spChg chg="add del mod">
          <ac:chgData name="Ajwaliya, Nishit" userId="d6171631-3d08-453d-8afd-2dc62a5026e2" providerId="ADAL" clId="{BE6821DD-7D57-4DD5-8A13-4769FA62AF9C}" dt="2021-09-17T12:59:13.871" v="915" actId="478"/>
          <ac:spMkLst>
            <pc:docMk/>
            <pc:sldMk cId="904261193" sldId="2147307529"/>
            <ac:spMk id="269" creationId="{DE01189F-10F9-4CE2-9807-959B0307B040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270" creationId="{27CBCFE5-2F66-478E-A158-C1BC602B7013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271" creationId="{78628BB0-461D-4D0B-8547-6C3C88F64EED}"/>
          </ac:spMkLst>
        </pc:spChg>
        <pc:spChg chg="add del mod">
          <ac:chgData name="Ajwaliya, Nishit" userId="d6171631-3d08-453d-8afd-2dc62a5026e2" providerId="ADAL" clId="{BE6821DD-7D57-4DD5-8A13-4769FA62AF9C}" dt="2021-09-17T11:49:42.180" v="575" actId="478"/>
          <ac:spMkLst>
            <pc:docMk/>
            <pc:sldMk cId="904261193" sldId="2147307529"/>
            <ac:spMk id="272" creationId="{E13D40E7-A827-4073-862E-EF0464AE1114}"/>
          </ac:spMkLst>
        </pc:spChg>
        <pc:spChg chg="add del mod">
          <ac:chgData name="Ajwaliya, Nishit" userId="d6171631-3d08-453d-8afd-2dc62a5026e2" providerId="ADAL" clId="{BE6821DD-7D57-4DD5-8A13-4769FA62AF9C}" dt="2021-09-17T11:49:44.286" v="576" actId="478"/>
          <ac:spMkLst>
            <pc:docMk/>
            <pc:sldMk cId="904261193" sldId="2147307529"/>
            <ac:spMk id="273" creationId="{56A46D95-0A59-4FC5-A15E-66645511FE31}"/>
          </ac:spMkLst>
        </pc:spChg>
        <pc:spChg chg="add del mod">
          <ac:chgData name="Ajwaliya, Nishit" userId="d6171631-3d08-453d-8afd-2dc62a5026e2" providerId="ADAL" clId="{BE6821DD-7D57-4DD5-8A13-4769FA62AF9C}" dt="2021-09-17T11:49:39.626" v="574" actId="478"/>
          <ac:spMkLst>
            <pc:docMk/>
            <pc:sldMk cId="904261193" sldId="2147307529"/>
            <ac:spMk id="274" creationId="{984F0D0A-4FFA-47E0-9C02-F849DDF8CB95}"/>
          </ac:spMkLst>
        </pc:spChg>
        <pc:spChg chg="add del mod">
          <ac:chgData name="Ajwaliya, Nishit" userId="d6171631-3d08-453d-8afd-2dc62a5026e2" providerId="ADAL" clId="{BE6821DD-7D57-4DD5-8A13-4769FA62AF9C}" dt="2021-09-17T11:49:39.626" v="574" actId="478"/>
          <ac:spMkLst>
            <pc:docMk/>
            <pc:sldMk cId="904261193" sldId="2147307529"/>
            <ac:spMk id="275" creationId="{568B99FA-4C21-4250-B7E1-982800631BB5}"/>
          </ac:spMkLst>
        </pc:spChg>
        <pc:spChg chg="add del mod">
          <ac:chgData name="Ajwaliya, Nishit" userId="d6171631-3d08-453d-8afd-2dc62a5026e2" providerId="ADAL" clId="{BE6821DD-7D57-4DD5-8A13-4769FA62AF9C}" dt="2021-09-17T11:49:39.626" v="574" actId="478"/>
          <ac:spMkLst>
            <pc:docMk/>
            <pc:sldMk cId="904261193" sldId="2147307529"/>
            <ac:spMk id="276" creationId="{BC800E3E-9914-4A26-9FD7-01C97CF61478}"/>
          </ac:spMkLst>
        </pc:spChg>
        <pc:spChg chg="add mod">
          <ac:chgData name="Ajwaliya, Nishit" userId="d6171631-3d08-453d-8afd-2dc62a5026e2" providerId="ADAL" clId="{BE6821DD-7D57-4DD5-8A13-4769FA62AF9C}" dt="2021-09-17T19:07:01.346" v="3970" actId="14100"/>
          <ac:spMkLst>
            <pc:docMk/>
            <pc:sldMk cId="904261193" sldId="2147307529"/>
            <ac:spMk id="277" creationId="{D4B03156-096D-4FE5-9916-A00C847AA881}"/>
          </ac:spMkLst>
        </pc:spChg>
        <pc:spChg chg="add mod">
          <ac:chgData name="Ajwaliya, Nishit" userId="d6171631-3d08-453d-8afd-2dc62a5026e2" providerId="ADAL" clId="{BE6821DD-7D57-4DD5-8A13-4769FA62AF9C}" dt="2021-09-17T18:58:51.913" v="3729" actId="6549"/>
          <ac:spMkLst>
            <pc:docMk/>
            <pc:sldMk cId="904261193" sldId="2147307529"/>
            <ac:spMk id="278" creationId="{459DEE68-A6A4-424E-9476-282EF0FE2C2D}"/>
          </ac:spMkLst>
        </pc:spChg>
        <pc:spChg chg="add mod">
          <ac:chgData name="Ajwaliya, Nishit" userId="d6171631-3d08-453d-8afd-2dc62a5026e2" providerId="ADAL" clId="{BE6821DD-7D57-4DD5-8A13-4769FA62AF9C}" dt="2021-09-17T18:13:45.655" v="2901" actId="1035"/>
          <ac:spMkLst>
            <pc:docMk/>
            <pc:sldMk cId="904261193" sldId="2147307529"/>
            <ac:spMk id="279" creationId="{DBFF95B2-3CA5-4316-B865-091BCE891D83}"/>
          </ac:spMkLst>
        </pc:spChg>
        <pc:spChg chg="add mod">
          <ac:chgData name="Ajwaliya, Nishit" userId="d6171631-3d08-453d-8afd-2dc62a5026e2" providerId="ADAL" clId="{BE6821DD-7D57-4DD5-8A13-4769FA62AF9C}" dt="2021-09-17T18:13:57.103" v="2905" actId="1037"/>
          <ac:spMkLst>
            <pc:docMk/>
            <pc:sldMk cId="904261193" sldId="2147307529"/>
            <ac:spMk id="280" creationId="{07CA9DFF-049B-4103-A784-4D8914EDF69B}"/>
          </ac:spMkLst>
        </pc:spChg>
        <pc:spChg chg="add del mod">
          <ac:chgData name="Ajwaliya, Nishit" userId="d6171631-3d08-453d-8afd-2dc62a5026e2" providerId="ADAL" clId="{BE6821DD-7D57-4DD5-8A13-4769FA62AF9C}" dt="2021-09-17T13:16:27.782" v="1258" actId="478"/>
          <ac:spMkLst>
            <pc:docMk/>
            <pc:sldMk cId="904261193" sldId="2147307529"/>
            <ac:spMk id="281" creationId="{44F4B4D4-66C2-4851-A538-961BE50DCCB0}"/>
          </ac:spMkLst>
        </pc:spChg>
        <pc:spChg chg="add mod">
          <ac:chgData name="Ajwaliya, Nishit" userId="d6171631-3d08-453d-8afd-2dc62a5026e2" providerId="ADAL" clId="{BE6821DD-7D57-4DD5-8A13-4769FA62AF9C}" dt="2021-09-17T18:13:57.103" v="2905" actId="1037"/>
          <ac:spMkLst>
            <pc:docMk/>
            <pc:sldMk cId="904261193" sldId="2147307529"/>
            <ac:spMk id="282" creationId="{49748139-A290-4105-97F8-C6BB41311301}"/>
          </ac:spMkLst>
        </pc:spChg>
        <pc:spChg chg="add del mod">
          <ac:chgData name="Ajwaliya, Nishit" userId="d6171631-3d08-453d-8afd-2dc62a5026e2" providerId="ADAL" clId="{BE6821DD-7D57-4DD5-8A13-4769FA62AF9C}" dt="2021-09-17T12:58:14.834" v="882" actId="478"/>
          <ac:spMkLst>
            <pc:docMk/>
            <pc:sldMk cId="904261193" sldId="2147307529"/>
            <ac:spMk id="283" creationId="{5D15617A-04CD-4CB9-88FA-A1BBEA94424A}"/>
          </ac:spMkLst>
        </pc:spChg>
        <pc:spChg chg="add del mod">
          <ac:chgData name="Ajwaliya, Nishit" userId="d6171631-3d08-453d-8afd-2dc62a5026e2" providerId="ADAL" clId="{BE6821DD-7D57-4DD5-8A13-4769FA62AF9C}" dt="2021-09-17T12:58:14.834" v="882" actId="478"/>
          <ac:spMkLst>
            <pc:docMk/>
            <pc:sldMk cId="904261193" sldId="2147307529"/>
            <ac:spMk id="284" creationId="{91142220-C255-4B62-9DAD-6F95879F6293}"/>
          </ac:spMkLst>
        </pc:spChg>
        <pc:spChg chg="add del mod">
          <ac:chgData name="Ajwaliya, Nishit" userId="d6171631-3d08-453d-8afd-2dc62a5026e2" providerId="ADAL" clId="{BE6821DD-7D57-4DD5-8A13-4769FA62AF9C}" dt="2021-09-17T12:58:14.834" v="882" actId="478"/>
          <ac:spMkLst>
            <pc:docMk/>
            <pc:sldMk cId="904261193" sldId="2147307529"/>
            <ac:spMk id="285" creationId="{14AA6F08-46D1-461B-BE66-2F8F827118F5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86" creationId="{C35927AF-CE32-4117-8347-6B3D6F9F166D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87" creationId="{BEF3E9DE-B0AD-43C7-A83D-D0D63C98D008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88" creationId="{E02C664D-CF9E-45F9-894E-065DEE06534F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89" creationId="{9A9AE8E7-8184-40B9-8F3D-12BF4BE8A412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0" creationId="{1CEA9D66-99A9-4762-9B2C-FD7151E77D2A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1" creationId="{11B2A027-7DB0-4942-BF9D-D137EFF9885A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2" creationId="{3D3702D6-569C-4DA1-BEA4-28516D6F630D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3" creationId="{BF312AB3-5145-45DA-8A6B-093D1980F2E1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4" creationId="{79F131D8-B6C6-4956-8B06-345052B81F5A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5" creationId="{BE5E7E42-7CEA-4C1F-8E0B-6EB0C18614AF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6" creationId="{86E246E9-F721-47E1-9226-8048EAF1FEDB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7" creationId="{CD0F7C8A-8870-4655-B1AF-EC35FEC55A27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298" creationId="{C9703ED6-C2AE-4ED6-BFF2-F903908BE0EA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299" creationId="{2974BFB8-C010-4614-AF5E-97F5DBC59CBE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0" creationId="{10423202-DC3A-4BF1-8436-1E6848E6A893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1" creationId="{BD066C31-B2EA-4CD5-B368-31D8DF82E6DB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2" creationId="{D646A716-D27B-4A4A-9FCA-8022B6B7AB00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3" creationId="{CD896489-FD5D-4974-A8A5-A85B23CB8402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4" creationId="{279A88B9-1E2C-4817-9F0A-FFEB7703B8B5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5" creationId="{290612D7-9CC0-4118-8004-FA2FA0394471}"/>
          </ac:spMkLst>
        </pc:spChg>
        <pc:spChg chg="add del mod">
          <ac:chgData name="Ajwaliya, Nishit" userId="d6171631-3d08-453d-8afd-2dc62a5026e2" providerId="ADAL" clId="{BE6821DD-7D57-4DD5-8A13-4769FA62AF9C}" dt="2021-09-17T12:58:14.834" v="882" actId="478"/>
          <ac:spMkLst>
            <pc:docMk/>
            <pc:sldMk cId="904261193" sldId="2147307529"/>
            <ac:spMk id="306" creationId="{C4FC1131-A433-4F33-B7AE-B00DDBF9A165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307" creationId="{CEBD8F1E-CF8D-47A3-BBE6-A0B945D527B5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308" creationId="{17F62385-C739-4B6F-987B-792F1DEF74D2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309" creationId="{F14BBB51-05CF-44A7-B899-C6F8180F498D}"/>
          </ac:spMkLst>
        </pc:spChg>
        <pc:spChg chg="add mod">
          <ac:chgData name="Ajwaliya, Nishit" userId="d6171631-3d08-453d-8afd-2dc62a5026e2" providerId="ADAL" clId="{BE6821DD-7D57-4DD5-8A13-4769FA62AF9C}" dt="2021-09-17T19:07:17.429" v="3971" actId="14100"/>
          <ac:spMkLst>
            <pc:docMk/>
            <pc:sldMk cId="904261193" sldId="2147307529"/>
            <ac:spMk id="310" creationId="{58085F00-1194-4882-8B91-6BCA3C408670}"/>
          </ac:spMkLst>
        </pc:spChg>
        <pc:spChg chg="add del mod">
          <ac:chgData name="Ajwaliya, Nishit" userId="d6171631-3d08-453d-8afd-2dc62a5026e2" providerId="ADAL" clId="{BE6821DD-7D57-4DD5-8A13-4769FA62AF9C}" dt="2021-09-17T13:23:41.456" v="1479" actId="478"/>
          <ac:spMkLst>
            <pc:docMk/>
            <pc:sldMk cId="904261193" sldId="2147307529"/>
            <ac:spMk id="311" creationId="{474115DE-2D76-4E9E-AF0E-44C21E3CEC67}"/>
          </ac:spMkLst>
        </pc:spChg>
        <pc:spChg chg="add mod">
          <ac:chgData name="Ajwaliya, Nishit" userId="d6171631-3d08-453d-8afd-2dc62a5026e2" providerId="ADAL" clId="{BE6821DD-7D57-4DD5-8A13-4769FA62AF9C}" dt="2021-09-17T18:37:19.751" v="3183" actId="1035"/>
          <ac:spMkLst>
            <pc:docMk/>
            <pc:sldMk cId="904261193" sldId="2147307529"/>
            <ac:spMk id="312" creationId="{76913871-16D9-4413-9045-DC0029C0EB1B}"/>
          </ac:spMkLst>
        </pc:spChg>
        <pc:spChg chg="add del mod">
          <ac:chgData name="Ajwaliya, Nishit" userId="d6171631-3d08-453d-8afd-2dc62a5026e2" providerId="ADAL" clId="{BE6821DD-7D57-4DD5-8A13-4769FA62AF9C}" dt="2021-09-17T12:54:50.162" v="816" actId="478"/>
          <ac:spMkLst>
            <pc:docMk/>
            <pc:sldMk cId="904261193" sldId="2147307529"/>
            <ac:spMk id="313" creationId="{BD06A953-51E3-44D6-93ED-03E156F36B95}"/>
          </ac:spMkLst>
        </pc:spChg>
        <pc:spChg chg="add mod">
          <ac:chgData name="Ajwaliya, Nishit" userId="d6171631-3d08-453d-8afd-2dc62a5026e2" providerId="ADAL" clId="{BE6821DD-7D57-4DD5-8A13-4769FA62AF9C}" dt="2021-09-17T18:37:19.751" v="3183" actId="1035"/>
          <ac:spMkLst>
            <pc:docMk/>
            <pc:sldMk cId="904261193" sldId="2147307529"/>
            <ac:spMk id="314" creationId="{F0198DAC-46D2-431D-BE04-C477DC819B8D}"/>
          </ac:spMkLst>
        </pc:spChg>
        <pc:spChg chg="add mod">
          <ac:chgData name="Ajwaliya, Nishit" userId="d6171631-3d08-453d-8afd-2dc62a5026e2" providerId="ADAL" clId="{BE6821DD-7D57-4DD5-8A13-4769FA62AF9C}" dt="2021-09-17T18:13:17.710" v="2896" actId="14100"/>
          <ac:spMkLst>
            <pc:docMk/>
            <pc:sldMk cId="904261193" sldId="2147307529"/>
            <ac:spMk id="315" creationId="{CA5143F8-C648-4971-B0DE-F85E22ED3C4F}"/>
          </ac:spMkLst>
        </pc:spChg>
        <pc:spChg chg="add mod">
          <ac:chgData name="Ajwaliya, Nishit" userId="d6171631-3d08-453d-8afd-2dc62a5026e2" providerId="ADAL" clId="{BE6821DD-7D57-4DD5-8A13-4769FA62AF9C}" dt="2021-09-17T15:05:28.374" v="2578" actId="1037"/>
          <ac:spMkLst>
            <pc:docMk/>
            <pc:sldMk cId="904261193" sldId="2147307529"/>
            <ac:spMk id="316" creationId="{ACD590B6-8A4A-4561-A103-8D2E2C776C9A}"/>
          </ac:spMkLst>
        </pc:spChg>
        <pc:spChg chg="add del mod">
          <ac:chgData name="Ajwaliya, Nishit" userId="d6171631-3d08-453d-8afd-2dc62a5026e2" providerId="ADAL" clId="{BE6821DD-7D57-4DD5-8A13-4769FA62AF9C}" dt="2021-09-17T13:02:56.802" v="1002" actId="478"/>
          <ac:spMkLst>
            <pc:docMk/>
            <pc:sldMk cId="904261193" sldId="2147307529"/>
            <ac:spMk id="317" creationId="{1024CC84-11BC-434A-8F97-B2ABC1264ED9}"/>
          </ac:spMkLst>
        </pc:spChg>
        <pc:spChg chg="add mod">
          <ac:chgData name="Ajwaliya, Nishit" userId="d6171631-3d08-453d-8afd-2dc62a5026e2" providerId="ADAL" clId="{BE6821DD-7D57-4DD5-8A13-4769FA62AF9C}" dt="2021-09-17T15:20:43.835" v="2585" actId="1038"/>
          <ac:spMkLst>
            <pc:docMk/>
            <pc:sldMk cId="904261193" sldId="2147307529"/>
            <ac:spMk id="318" creationId="{0736E9F1-147E-4B48-8652-95E0A52B7BBC}"/>
          </ac:spMkLst>
        </pc:spChg>
        <pc:spChg chg="add mod">
          <ac:chgData name="Ajwaliya, Nishit" userId="d6171631-3d08-453d-8afd-2dc62a5026e2" providerId="ADAL" clId="{BE6821DD-7D57-4DD5-8A13-4769FA62AF9C}" dt="2021-09-17T19:10:15.323" v="3980" actId="20577"/>
          <ac:spMkLst>
            <pc:docMk/>
            <pc:sldMk cId="904261193" sldId="2147307529"/>
            <ac:spMk id="319" creationId="{900C921F-3A0A-4357-900F-DF5B23D7644B}"/>
          </ac:spMkLst>
        </pc:spChg>
        <pc:spChg chg="mod">
          <ac:chgData name="Ajwaliya, Nishit" userId="d6171631-3d08-453d-8afd-2dc62a5026e2" providerId="ADAL" clId="{BE6821DD-7D57-4DD5-8A13-4769FA62AF9C}" dt="2021-09-16T21:38:13.102" v="412"/>
          <ac:spMkLst>
            <pc:docMk/>
            <pc:sldMk cId="904261193" sldId="2147307529"/>
            <ac:spMk id="321" creationId="{E6363052-DCEB-4438-8F0E-59413DB27B49}"/>
          </ac:spMkLst>
        </pc:spChg>
        <pc:spChg chg="mod">
          <ac:chgData name="Ajwaliya, Nishit" userId="d6171631-3d08-453d-8afd-2dc62a5026e2" providerId="ADAL" clId="{BE6821DD-7D57-4DD5-8A13-4769FA62AF9C}" dt="2021-09-16T21:38:13.102" v="412"/>
          <ac:spMkLst>
            <pc:docMk/>
            <pc:sldMk cId="904261193" sldId="2147307529"/>
            <ac:spMk id="322" creationId="{93BC9AD5-60D1-4BED-A2ED-A334F3CE913B}"/>
          </ac:spMkLst>
        </pc:spChg>
        <pc:spChg chg="mod">
          <ac:chgData name="Ajwaliya, Nishit" userId="d6171631-3d08-453d-8afd-2dc62a5026e2" providerId="ADAL" clId="{BE6821DD-7D57-4DD5-8A13-4769FA62AF9C}" dt="2021-09-16T21:38:13.102" v="412"/>
          <ac:spMkLst>
            <pc:docMk/>
            <pc:sldMk cId="904261193" sldId="2147307529"/>
            <ac:spMk id="323" creationId="{0FC26A5A-4FD6-452F-A630-E8E5BB4ABA21}"/>
          </ac:spMkLst>
        </pc:spChg>
        <pc:spChg chg="add del mod">
          <ac:chgData name="Ajwaliya, Nishit" userId="d6171631-3d08-453d-8afd-2dc62a5026e2" providerId="ADAL" clId="{BE6821DD-7D57-4DD5-8A13-4769FA62AF9C}" dt="2021-09-17T13:53:08.376" v="2206" actId="478"/>
          <ac:spMkLst>
            <pc:docMk/>
            <pc:sldMk cId="904261193" sldId="2147307529"/>
            <ac:spMk id="324" creationId="{9EE84DB1-0BB7-48C3-BDEA-F3ADA911B1C9}"/>
          </ac:spMkLst>
        </pc:spChg>
        <pc:spChg chg="add del mod">
          <ac:chgData name="Ajwaliya, Nishit" userId="d6171631-3d08-453d-8afd-2dc62a5026e2" providerId="ADAL" clId="{BE6821DD-7D57-4DD5-8A13-4769FA62AF9C}" dt="2021-09-17T13:53:08.376" v="2206" actId="478"/>
          <ac:spMkLst>
            <pc:docMk/>
            <pc:sldMk cId="904261193" sldId="2147307529"/>
            <ac:spMk id="326" creationId="{F41F11AA-D22E-480C-9C94-A5AA74C7A303}"/>
          </ac:spMkLst>
        </pc:spChg>
        <pc:spChg chg="add del mod">
          <ac:chgData name="Ajwaliya, Nishit" userId="d6171631-3d08-453d-8afd-2dc62a5026e2" providerId="ADAL" clId="{BE6821DD-7D57-4DD5-8A13-4769FA62AF9C}" dt="2021-09-17T12:59:16.973" v="916" actId="478"/>
          <ac:spMkLst>
            <pc:docMk/>
            <pc:sldMk cId="904261193" sldId="2147307529"/>
            <ac:spMk id="328" creationId="{BCD89E6F-CC85-4CD5-B294-BE8F93B5CADC}"/>
          </ac:spMkLst>
        </pc:spChg>
        <pc:spChg chg="add mod">
          <ac:chgData name="Ajwaliya, Nishit" userId="d6171631-3d08-453d-8afd-2dc62a5026e2" providerId="ADAL" clId="{BE6821DD-7D57-4DD5-8A13-4769FA62AF9C}" dt="2021-09-17T18:13:45.655" v="2901" actId="1035"/>
          <ac:spMkLst>
            <pc:docMk/>
            <pc:sldMk cId="904261193" sldId="2147307529"/>
            <ac:spMk id="329" creationId="{48B508C1-7E2C-40A8-AFFD-D5E1B80C6B7E}"/>
          </ac:spMkLst>
        </pc:spChg>
        <pc:spChg chg="add del mod">
          <ac:chgData name="Ajwaliya, Nishit" userId="d6171631-3d08-453d-8afd-2dc62a5026e2" providerId="ADAL" clId="{BE6821DD-7D57-4DD5-8A13-4769FA62AF9C}" dt="2021-09-20T17:13:59.407" v="4223" actId="207"/>
          <ac:spMkLst>
            <pc:docMk/>
            <pc:sldMk cId="904261193" sldId="2147307529"/>
            <ac:spMk id="330" creationId="{517FAB0E-0F58-4FEA-80ED-786E370BEA7C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1" creationId="{57FD9E7B-B2B5-4482-B3A6-3A43DEA55F89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2" creationId="{CB3DA4EB-B852-4E27-898E-481AE4DB610F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3" creationId="{5F6D861A-B156-4B92-9C1F-B864DD2AEAA8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4" creationId="{ADBB1071-D282-439C-8E97-F0E9DF17FB1E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5" creationId="{79DF4F41-0179-4837-863B-79FA54E63DA9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6" creationId="{43DE3656-1A6E-4320-B67E-7A37240E7C38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7" creationId="{FDA633D2-154D-400F-99DF-F922A2A2CAB4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8" creationId="{9C8B89F3-A833-4070-9EA4-DA421D8EAE94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39" creationId="{65747AAE-1373-4196-9AFD-8688FA28BEDA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0" creationId="{E12B4C7D-F734-4907-BCF3-F9796C1B60A5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1" creationId="{AF996A1C-9FC9-472E-BC02-63887F1C5F05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2" creationId="{B78F3F68-5296-4C66-B577-D278DFA38CCD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3" creationId="{1C000F96-2182-463D-AE60-05CE9F963982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4" creationId="{8269DFAF-E795-4390-B0B9-74AFD69A2496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5" creationId="{DD2AD18B-7AC8-436E-84CB-070C976ABF11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6" creationId="{5B11C4BB-BCFC-4D11-97B9-9AA9EB41A6BB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7" creationId="{D53826DE-26E1-4213-BFF4-160B2117EE04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8" creationId="{17ABC57B-FDA7-4C32-ADA8-64F2BC295C7D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9" creationId="{96888E9D-CB8B-40A8-B33F-700DEB014B1F}"/>
          </ac:spMkLst>
        </pc:spChg>
        <pc:spChg chg="add del mod">
          <ac:chgData name="Ajwaliya, Nishit" userId="d6171631-3d08-453d-8afd-2dc62a5026e2" providerId="ADAL" clId="{BE6821DD-7D57-4DD5-8A13-4769FA62AF9C}" dt="2021-09-17T19:01:54.417" v="3815" actId="1035"/>
          <ac:spMkLst>
            <pc:docMk/>
            <pc:sldMk cId="904261193" sldId="2147307529"/>
            <ac:spMk id="350" creationId="{C69571CF-F7D6-4ABB-89CD-FEC78DD6CDA1}"/>
          </ac:spMkLst>
        </pc:spChg>
        <pc:spChg chg="add del mod">
          <ac:chgData name="Ajwaliya, Nishit" userId="d6171631-3d08-453d-8afd-2dc62a5026e2" providerId="ADAL" clId="{BE6821DD-7D57-4DD5-8A13-4769FA62AF9C}" dt="2021-09-17T19:01:54.417" v="3815" actId="1035"/>
          <ac:spMkLst>
            <pc:docMk/>
            <pc:sldMk cId="904261193" sldId="2147307529"/>
            <ac:spMk id="351" creationId="{8ADC5671-CE07-4FCB-A778-26173EA4D013}"/>
          </ac:spMkLst>
        </pc:spChg>
        <pc:spChg chg="add mod">
          <ac:chgData name="Ajwaliya, Nishit" userId="d6171631-3d08-453d-8afd-2dc62a5026e2" providerId="ADAL" clId="{BE6821DD-7D57-4DD5-8A13-4769FA62AF9C}" dt="2021-09-17T19:01:54.417" v="3815" actId="1035"/>
          <ac:spMkLst>
            <pc:docMk/>
            <pc:sldMk cId="904261193" sldId="2147307529"/>
            <ac:spMk id="352" creationId="{7DDFFA79-F76D-4823-AEC6-E2355DBA5CB4}"/>
          </ac:spMkLst>
        </pc:spChg>
        <pc:spChg chg="add del mod">
          <ac:chgData name="Ajwaliya, Nishit" userId="d6171631-3d08-453d-8afd-2dc62a5026e2" providerId="ADAL" clId="{BE6821DD-7D57-4DD5-8A13-4769FA62AF9C}" dt="2021-09-17T19:00:43.108" v="3771" actId="478"/>
          <ac:spMkLst>
            <pc:docMk/>
            <pc:sldMk cId="904261193" sldId="2147307529"/>
            <ac:spMk id="353" creationId="{C4E47477-59B5-4EE9-8C51-89F1DDBC7A2A}"/>
          </ac:spMkLst>
        </pc:spChg>
        <pc:spChg chg="add del mod">
          <ac:chgData name="Ajwaliya, Nishit" userId="d6171631-3d08-453d-8afd-2dc62a5026e2" providerId="ADAL" clId="{BE6821DD-7D57-4DD5-8A13-4769FA62AF9C}" dt="2021-09-17T19:00:41.046" v="3770" actId="478"/>
          <ac:spMkLst>
            <pc:docMk/>
            <pc:sldMk cId="904261193" sldId="2147307529"/>
            <ac:spMk id="354" creationId="{D84CAC7F-D40B-4D1E-9AED-0E2242DB517E}"/>
          </ac:spMkLst>
        </pc:spChg>
        <pc:spChg chg="add mod">
          <ac:chgData name="Ajwaliya, Nishit" userId="d6171631-3d08-453d-8afd-2dc62a5026e2" providerId="ADAL" clId="{BE6821DD-7D57-4DD5-8A13-4769FA62AF9C}" dt="2021-09-17T19:01:40.693" v="3811" actId="1036"/>
          <ac:spMkLst>
            <pc:docMk/>
            <pc:sldMk cId="904261193" sldId="2147307529"/>
            <ac:spMk id="355" creationId="{A1F4E442-F81A-4285-8CA4-193DDC8FFD76}"/>
          </ac:spMkLst>
        </pc:spChg>
        <pc:spChg chg="add del mod">
          <ac:chgData name="Ajwaliya, Nishit" userId="d6171631-3d08-453d-8afd-2dc62a5026e2" providerId="ADAL" clId="{BE6821DD-7D57-4DD5-8A13-4769FA62AF9C}" dt="2021-09-17T13:00:59.817" v="933" actId="478"/>
          <ac:spMkLst>
            <pc:docMk/>
            <pc:sldMk cId="904261193" sldId="2147307529"/>
            <ac:spMk id="356" creationId="{B72B10AE-8506-4186-B2E4-70EC91F89667}"/>
          </ac:spMkLst>
        </pc:spChg>
        <pc:spChg chg="add del mod">
          <ac:chgData name="Ajwaliya, Nishit" userId="d6171631-3d08-453d-8afd-2dc62a5026e2" providerId="ADAL" clId="{BE6821DD-7D57-4DD5-8A13-4769FA62AF9C}" dt="2021-09-17T13:16:30.221" v="1259" actId="478"/>
          <ac:spMkLst>
            <pc:docMk/>
            <pc:sldMk cId="904261193" sldId="2147307529"/>
            <ac:spMk id="357" creationId="{94C514B3-53CA-4DCA-984B-794F1C2E09A7}"/>
          </ac:spMkLst>
        </pc:spChg>
        <pc:spChg chg="add del mod">
          <ac:chgData name="Ajwaliya, Nishit" userId="d6171631-3d08-453d-8afd-2dc62a5026e2" providerId="ADAL" clId="{BE6821DD-7D57-4DD5-8A13-4769FA62AF9C}" dt="2021-09-17T12:59:57.806" v="923" actId="478"/>
          <ac:spMkLst>
            <pc:docMk/>
            <pc:sldMk cId="904261193" sldId="2147307529"/>
            <ac:spMk id="358" creationId="{5705A73D-E213-4852-943D-7EEF3DB70465}"/>
          </ac:spMkLst>
        </pc:spChg>
        <pc:spChg chg="add mod">
          <ac:chgData name="Ajwaliya, Nishit" userId="d6171631-3d08-453d-8afd-2dc62a5026e2" providerId="ADAL" clId="{BE6821DD-7D57-4DD5-8A13-4769FA62AF9C}" dt="2021-09-17T19:01:54.417" v="3815" actId="1035"/>
          <ac:spMkLst>
            <pc:docMk/>
            <pc:sldMk cId="904261193" sldId="2147307529"/>
            <ac:spMk id="359" creationId="{D91A8FEB-06FE-4044-B8FF-756FD227EBA5}"/>
          </ac:spMkLst>
        </pc:spChg>
        <pc:spChg chg="add del mod">
          <ac:chgData name="Ajwaliya, Nishit" userId="d6171631-3d08-453d-8afd-2dc62a5026e2" providerId="ADAL" clId="{BE6821DD-7D57-4DD5-8A13-4769FA62AF9C}" dt="2021-09-17T19:01:40.693" v="3811" actId="1036"/>
          <ac:spMkLst>
            <pc:docMk/>
            <pc:sldMk cId="904261193" sldId="2147307529"/>
            <ac:spMk id="360" creationId="{719DC1C9-BB88-43B4-A670-14163A0809C4}"/>
          </ac:spMkLst>
        </pc:spChg>
        <pc:spChg chg="add del mod">
          <ac:chgData name="Ajwaliya, Nishit" userId="d6171631-3d08-453d-8afd-2dc62a5026e2" providerId="ADAL" clId="{BE6821DD-7D57-4DD5-8A13-4769FA62AF9C}" dt="2021-09-17T13:33:20.646" v="1777" actId="478"/>
          <ac:spMkLst>
            <pc:docMk/>
            <pc:sldMk cId="904261193" sldId="2147307529"/>
            <ac:spMk id="361" creationId="{9700DD82-8ABF-488A-9C8D-F4AF5DDAA89A}"/>
          </ac:spMkLst>
        </pc:spChg>
        <pc:spChg chg="add del mod">
          <ac:chgData name="Ajwaliya, Nishit" userId="d6171631-3d08-453d-8afd-2dc62a5026e2" providerId="ADAL" clId="{BE6821DD-7D57-4DD5-8A13-4769FA62AF9C}" dt="2021-09-17T13:33:16.577" v="1776" actId="478"/>
          <ac:spMkLst>
            <pc:docMk/>
            <pc:sldMk cId="904261193" sldId="2147307529"/>
            <ac:spMk id="362" creationId="{037C5A84-92E0-4DF5-9549-7073F95C640D}"/>
          </ac:spMkLst>
        </pc:spChg>
        <pc:spChg chg="add mod">
          <ac:chgData name="Ajwaliya, Nishit" userId="d6171631-3d08-453d-8afd-2dc62a5026e2" providerId="ADAL" clId="{BE6821DD-7D57-4DD5-8A13-4769FA62AF9C}" dt="2021-09-20T11:44:38.626" v="4183" actId="1076"/>
          <ac:spMkLst>
            <pc:docMk/>
            <pc:sldMk cId="904261193" sldId="2147307529"/>
            <ac:spMk id="363" creationId="{4876B329-05EA-45D5-B4AC-526D938C001A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364" creationId="{D720271D-A9A5-4B5C-BEBA-624AC2C14978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365" creationId="{D502F2CC-EC96-4A14-9161-3EB97D4F993C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366" creationId="{6A16A5F7-E370-4891-B8DF-4FBC312DDB9D}"/>
          </ac:spMkLst>
        </pc:spChg>
        <pc:spChg chg="add del mod">
          <ac:chgData name="Ajwaliya, Nishit" userId="d6171631-3d08-453d-8afd-2dc62a5026e2" providerId="ADAL" clId="{BE6821DD-7D57-4DD5-8A13-4769FA62AF9C}" dt="2021-09-17T13:17:34.213" v="1265"/>
          <ac:spMkLst>
            <pc:docMk/>
            <pc:sldMk cId="904261193" sldId="2147307529"/>
            <ac:spMk id="367" creationId="{59382C34-7737-43AD-A097-5C45ABE6BE62}"/>
          </ac:spMkLst>
        </pc:spChg>
        <pc:spChg chg="add del mod">
          <ac:chgData name="Ajwaliya, Nishit" userId="d6171631-3d08-453d-8afd-2dc62a5026e2" providerId="ADAL" clId="{BE6821DD-7D57-4DD5-8A13-4769FA62AF9C}" dt="2021-09-17T13:17:34.213" v="1265"/>
          <ac:spMkLst>
            <pc:docMk/>
            <pc:sldMk cId="904261193" sldId="2147307529"/>
            <ac:spMk id="368" creationId="{F5395E74-BDB1-4055-AB15-074BB1927CE1}"/>
          </ac:spMkLst>
        </pc:spChg>
        <pc:spChg chg="add del mod">
          <ac:chgData name="Ajwaliya, Nishit" userId="d6171631-3d08-453d-8afd-2dc62a5026e2" providerId="ADAL" clId="{BE6821DD-7D57-4DD5-8A13-4769FA62AF9C}" dt="2021-09-17T13:17:34.213" v="1265"/>
          <ac:spMkLst>
            <pc:docMk/>
            <pc:sldMk cId="904261193" sldId="2147307529"/>
            <ac:spMk id="369" creationId="{0A740728-3F07-405D-8856-48E0AE40488F}"/>
          </ac:spMkLst>
        </pc:spChg>
        <pc:spChg chg="add del mod">
          <ac:chgData name="Ajwaliya, Nishit" userId="d6171631-3d08-453d-8afd-2dc62a5026e2" providerId="ADAL" clId="{BE6821DD-7D57-4DD5-8A13-4769FA62AF9C}" dt="2021-09-17T13:21:20.615" v="1410" actId="478"/>
          <ac:spMkLst>
            <pc:docMk/>
            <pc:sldMk cId="904261193" sldId="2147307529"/>
            <ac:spMk id="370" creationId="{C451F3F0-9ADF-4E3C-82BB-F793A0FE8F10}"/>
          </ac:spMkLst>
        </pc:spChg>
        <pc:spChg chg="add del mod">
          <ac:chgData name="Ajwaliya, Nishit" userId="d6171631-3d08-453d-8afd-2dc62a5026e2" providerId="ADAL" clId="{BE6821DD-7D57-4DD5-8A13-4769FA62AF9C}" dt="2021-09-17T13:21:15.820" v="1409" actId="478"/>
          <ac:spMkLst>
            <pc:docMk/>
            <pc:sldMk cId="904261193" sldId="2147307529"/>
            <ac:spMk id="371" creationId="{96D32D71-91D6-4125-94C8-BC91BE84F063}"/>
          </ac:spMkLst>
        </pc:spChg>
        <pc:spChg chg="add del mod">
          <ac:chgData name="Ajwaliya, Nishit" userId="d6171631-3d08-453d-8afd-2dc62a5026e2" providerId="ADAL" clId="{BE6821DD-7D57-4DD5-8A13-4769FA62AF9C}" dt="2021-09-17T13:47:13.333" v="2141" actId="478"/>
          <ac:spMkLst>
            <pc:docMk/>
            <pc:sldMk cId="904261193" sldId="2147307529"/>
            <ac:spMk id="372" creationId="{80D59CF7-D158-422D-AE3E-8D7F91DB1271}"/>
          </ac:spMkLst>
        </pc:spChg>
        <pc:spChg chg="add del mod">
          <ac:chgData name="Ajwaliya, Nishit" userId="d6171631-3d08-453d-8afd-2dc62a5026e2" providerId="ADAL" clId="{BE6821DD-7D57-4DD5-8A13-4769FA62AF9C}" dt="2021-09-17T13:47:13.333" v="2141" actId="478"/>
          <ac:spMkLst>
            <pc:docMk/>
            <pc:sldMk cId="904261193" sldId="2147307529"/>
            <ac:spMk id="373" creationId="{B5A1795D-82ED-456B-A6E4-6071F43207C1}"/>
          </ac:spMkLst>
        </pc:spChg>
        <pc:spChg chg="add del mod">
          <ac:chgData name="Ajwaliya, Nishit" userId="d6171631-3d08-453d-8afd-2dc62a5026e2" providerId="ADAL" clId="{BE6821DD-7D57-4DD5-8A13-4769FA62AF9C}" dt="2021-09-17T13:47:13.333" v="2141" actId="478"/>
          <ac:spMkLst>
            <pc:docMk/>
            <pc:sldMk cId="904261193" sldId="2147307529"/>
            <ac:spMk id="374" creationId="{EF5A6FBE-6053-4C99-B7B1-841BE3B0D886}"/>
          </ac:spMkLst>
        </pc:spChg>
        <pc:spChg chg="add del mod">
          <ac:chgData name="Ajwaliya, Nishit" userId="d6171631-3d08-453d-8afd-2dc62a5026e2" providerId="ADAL" clId="{BE6821DD-7D57-4DD5-8A13-4769FA62AF9C}" dt="2021-09-17T13:21:24.406" v="1411" actId="478"/>
          <ac:spMkLst>
            <pc:docMk/>
            <pc:sldMk cId="904261193" sldId="2147307529"/>
            <ac:spMk id="375" creationId="{98CCBF01-E2A2-4D62-B6C2-A04CF1BAA698}"/>
          </ac:spMkLst>
        </pc:spChg>
        <pc:spChg chg="add del mod">
          <ac:chgData name="Ajwaliya, Nishit" userId="d6171631-3d08-453d-8afd-2dc62a5026e2" providerId="ADAL" clId="{BE6821DD-7D57-4DD5-8A13-4769FA62AF9C}" dt="2021-09-17T13:21:24.406" v="1411" actId="478"/>
          <ac:spMkLst>
            <pc:docMk/>
            <pc:sldMk cId="904261193" sldId="2147307529"/>
            <ac:spMk id="376" creationId="{270BAFB3-A739-467B-A396-7A3941065C73}"/>
          </ac:spMkLst>
        </pc:spChg>
        <pc:spChg chg="add del mod">
          <ac:chgData name="Ajwaliya, Nishit" userId="d6171631-3d08-453d-8afd-2dc62a5026e2" providerId="ADAL" clId="{BE6821DD-7D57-4DD5-8A13-4769FA62AF9C}" dt="2021-09-17T13:21:24.406" v="1411" actId="478"/>
          <ac:spMkLst>
            <pc:docMk/>
            <pc:sldMk cId="904261193" sldId="2147307529"/>
            <ac:spMk id="377" creationId="{84F40C48-0C56-48B4-9FBC-1CA3FB81BE40}"/>
          </ac:spMkLst>
        </pc:spChg>
        <pc:spChg chg="add del mod">
          <ac:chgData name="Ajwaliya, Nishit" userId="d6171631-3d08-453d-8afd-2dc62a5026e2" providerId="ADAL" clId="{BE6821DD-7D57-4DD5-8A13-4769FA62AF9C}" dt="2021-09-17T13:21:24.406" v="1411" actId="478"/>
          <ac:spMkLst>
            <pc:docMk/>
            <pc:sldMk cId="904261193" sldId="2147307529"/>
            <ac:spMk id="378" creationId="{3F246FD7-7AE3-4833-91AE-B7B3FD10E397}"/>
          </ac:spMkLst>
        </pc:spChg>
        <pc:spChg chg="add del mod">
          <ac:chgData name="Ajwaliya, Nishit" userId="d6171631-3d08-453d-8afd-2dc62a5026e2" providerId="ADAL" clId="{BE6821DD-7D57-4DD5-8A13-4769FA62AF9C}" dt="2021-09-17T13:47:16.306" v="2142" actId="478"/>
          <ac:spMkLst>
            <pc:docMk/>
            <pc:sldMk cId="904261193" sldId="2147307529"/>
            <ac:spMk id="379" creationId="{E37EE103-410E-4F17-8DAA-F4919872933B}"/>
          </ac:spMkLst>
        </pc:spChg>
        <pc:spChg chg="add mod">
          <ac:chgData name="Ajwaliya, Nishit" userId="d6171631-3d08-453d-8afd-2dc62a5026e2" providerId="ADAL" clId="{BE6821DD-7D57-4DD5-8A13-4769FA62AF9C}" dt="2021-09-17T18:14:02.032" v="2909" actId="1035"/>
          <ac:spMkLst>
            <pc:docMk/>
            <pc:sldMk cId="904261193" sldId="2147307529"/>
            <ac:spMk id="380" creationId="{9C50EDC6-738A-4065-B233-ECBAF5BB58CE}"/>
          </ac:spMkLst>
        </pc:spChg>
        <pc:spChg chg="add mod">
          <ac:chgData name="Ajwaliya, Nishit" userId="d6171631-3d08-453d-8afd-2dc62a5026e2" providerId="ADAL" clId="{BE6821DD-7D57-4DD5-8A13-4769FA62AF9C}" dt="2021-09-17T18:14:02.032" v="2909" actId="1035"/>
          <ac:spMkLst>
            <pc:docMk/>
            <pc:sldMk cId="904261193" sldId="2147307529"/>
            <ac:spMk id="381" creationId="{D9CC935F-DD59-4CB5-9D4F-146D521B946F}"/>
          </ac:spMkLst>
        </pc:spChg>
        <pc:spChg chg="add del mod">
          <ac:chgData name="Ajwaliya, Nishit" userId="d6171631-3d08-453d-8afd-2dc62a5026e2" providerId="ADAL" clId="{BE6821DD-7D57-4DD5-8A13-4769FA62AF9C}" dt="2021-09-17T17:53:43.753" v="2754" actId="478"/>
          <ac:spMkLst>
            <pc:docMk/>
            <pc:sldMk cId="904261193" sldId="2147307529"/>
            <ac:spMk id="382" creationId="{36228A22-84B8-49C3-80E9-463E2492096A}"/>
          </ac:spMkLst>
        </pc:spChg>
        <pc:spChg chg="add mod">
          <ac:chgData name="Ajwaliya, Nishit" userId="d6171631-3d08-453d-8afd-2dc62a5026e2" providerId="ADAL" clId="{BE6821DD-7D57-4DD5-8A13-4769FA62AF9C}" dt="2021-09-17T18:36:16.861" v="3138" actId="1038"/>
          <ac:spMkLst>
            <pc:docMk/>
            <pc:sldMk cId="904261193" sldId="2147307529"/>
            <ac:spMk id="383" creationId="{C3D22962-2470-44A3-BC39-3C523527553B}"/>
          </ac:spMkLst>
        </pc:spChg>
        <pc:spChg chg="add mod">
          <ac:chgData name="Ajwaliya, Nishit" userId="d6171631-3d08-453d-8afd-2dc62a5026e2" providerId="ADAL" clId="{BE6821DD-7D57-4DD5-8A13-4769FA62AF9C}" dt="2021-09-17T18:37:19.751" v="3183" actId="1035"/>
          <ac:spMkLst>
            <pc:docMk/>
            <pc:sldMk cId="904261193" sldId="2147307529"/>
            <ac:spMk id="384" creationId="{BEFA452C-1C16-453B-A163-6AEF207A7965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385" creationId="{2CE365CA-39B7-40D5-8CD8-25E3873945E0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86" creationId="{2026660D-A8E1-4F16-8F9D-12EFF89A5A3D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87" creationId="{5EEF1CC1-B0AB-4421-A197-E14269DBF517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88" creationId="{A397D18F-5B92-4D8D-A9A7-335ED2E11CFE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89" creationId="{F1805853-1CBF-4D1A-8322-8ED7983914D5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90" creationId="{C0A22D43-F6F3-439F-9B1B-CFB31169AAB9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91" creationId="{FB5FC998-CEAD-4F60-96E0-784E182EF815}"/>
          </ac:spMkLst>
        </pc:spChg>
        <pc:spChg chg="add del mod">
          <ac:chgData name="Ajwaliya, Nishit" userId="d6171631-3d08-453d-8afd-2dc62a5026e2" providerId="ADAL" clId="{BE6821DD-7D57-4DD5-8A13-4769FA62AF9C}" dt="2021-09-17T18:37:42.929" v="3216" actId="478"/>
          <ac:spMkLst>
            <pc:docMk/>
            <pc:sldMk cId="904261193" sldId="2147307529"/>
            <ac:spMk id="392" creationId="{D1ED45D3-B810-4FE9-A527-57111B5F0318}"/>
          </ac:spMkLst>
        </pc:spChg>
        <pc:spChg chg="add mod">
          <ac:chgData name="Ajwaliya, Nishit" userId="d6171631-3d08-453d-8afd-2dc62a5026e2" providerId="ADAL" clId="{BE6821DD-7D57-4DD5-8A13-4769FA62AF9C}" dt="2021-09-17T18:14:45.608" v="2974" actId="1035"/>
          <ac:spMkLst>
            <pc:docMk/>
            <pc:sldMk cId="904261193" sldId="2147307529"/>
            <ac:spMk id="393" creationId="{05FE88C3-71FE-4293-A588-0B7E5BB10E43}"/>
          </ac:spMkLst>
        </pc:spChg>
        <pc:spChg chg="add mod">
          <ac:chgData name="Ajwaliya, Nishit" userId="d6171631-3d08-453d-8afd-2dc62a5026e2" providerId="ADAL" clId="{BE6821DD-7D57-4DD5-8A13-4769FA62AF9C}" dt="2021-09-17T18:14:50.471" v="2975" actId="1035"/>
          <ac:spMkLst>
            <pc:docMk/>
            <pc:sldMk cId="904261193" sldId="2147307529"/>
            <ac:spMk id="394" creationId="{AB63B036-4796-4E8D-9518-D593737907E3}"/>
          </ac:spMkLst>
        </pc:spChg>
        <pc:spChg chg="add mod">
          <ac:chgData name="Ajwaliya, Nishit" userId="d6171631-3d08-453d-8afd-2dc62a5026e2" providerId="ADAL" clId="{BE6821DD-7D57-4DD5-8A13-4769FA62AF9C}" dt="2021-09-17T19:07:28.265" v="3973" actId="14100"/>
          <ac:spMkLst>
            <pc:docMk/>
            <pc:sldMk cId="904261193" sldId="2147307529"/>
            <ac:spMk id="395" creationId="{355A9322-4F1E-4EE9-B2AE-672A2D72FF02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396" creationId="{28A1A175-766C-4059-BEF9-6F60B164170B}"/>
          </ac:spMkLst>
        </pc:spChg>
        <pc:spChg chg="add del mod">
          <ac:chgData name="Ajwaliya, Nishit" userId="d6171631-3d08-453d-8afd-2dc62a5026e2" providerId="ADAL" clId="{BE6821DD-7D57-4DD5-8A13-4769FA62AF9C}" dt="2021-09-17T18:44:03.310" v="3345" actId="478"/>
          <ac:spMkLst>
            <pc:docMk/>
            <pc:sldMk cId="904261193" sldId="2147307529"/>
            <ac:spMk id="397" creationId="{89D83609-3394-4495-8B7B-F2B3B75030CE}"/>
          </ac:spMkLst>
        </pc:spChg>
        <pc:spChg chg="add del mod">
          <ac:chgData name="Ajwaliya, Nishit" userId="d6171631-3d08-453d-8afd-2dc62a5026e2" providerId="ADAL" clId="{BE6821DD-7D57-4DD5-8A13-4769FA62AF9C}" dt="2021-09-17T18:52:16.893" v="3618" actId="478"/>
          <ac:spMkLst>
            <pc:docMk/>
            <pc:sldMk cId="904261193" sldId="2147307529"/>
            <ac:spMk id="398" creationId="{8EA16FAE-C45B-4EB4-A783-4EA91B663BBD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399" creationId="{B160F07C-608D-47F9-B719-6EB4A7924A77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00" creationId="{F6C57FE4-DD9A-41F6-9D21-0570EAC6B328}"/>
          </ac:spMkLst>
        </pc:spChg>
        <pc:spChg chg="add del mod">
          <ac:chgData name="Ajwaliya, Nishit" userId="d6171631-3d08-453d-8afd-2dc62a5026e2" providerId="ADAL" clId="{BE6821DD-7D57-4DD5-8A13-4769FA62AF9C}" dt="2021-09-17T18:53:19.692" v="3647" actId="478"/>
          <ac:spMkLst>
            <pc:docMk/>
            <pc:sldMk cId="904261193" sldId="2147307529"/>
            <ac:spMk id="401" creationId="{A0701F16-990F-4C23-91B6-D88E9031239F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02" creationId="{852B39F7-C93D-4858-AF14-445F591B99B6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03" creationId="{C52ADE4B-3453-4E8E-909B-BAF0FCB426EF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04" creationId="{DC45A832-E326-4600-9717-1C08B86E003A}"/>
          </ac:spMkLst>
        </pc:spChg>
        <pc:spChg chg="add mod">
          <ac:chgData name="Ajwaliya, Nishit" userId="d6171631-3d08-453d-8afd-2dc62a5026e2" providerId="ADAL" clId="{BE6821DD-7D57-4DD5-8A13-4769FA62AF9C}" dt="2021-09-17T15:20:43.835" v="2585" actId="1038"/>
          <ac:spMkLst>
            <pc:docMk/>
            <pc:sldMk cId="904261193" sldId="2147307529"/>
            <ac:spMk id="405" creationId="{7FB597E5-520D-4A1E-B8EF-2A59BDE6806A}"/>
          </ac:spMkLst>
        </pc:spChg>
        <pc:spChg chg="add mod">
          <ac:chgData name="Ajwaliya, Nishit" userId="d6171631-3d08-453d-8afd-2dc62a5026e2" providerId="ADAL" clId="{BE6821DD-7D57-4DD5-8A13-4769FA62AF9C}" dt="2021-09-17T15:20:43.835" v="2585" actId="1038"/>
          <ac:spMkLst>
            <pc:docMk/>
            <pc:sldMk cId="904261193" sldId="2147307529"/>
            <ac:spMk id="406" creationId="{C66D3777-A34F-4134-9CBD-5370C66925D3}"/>
          </ac:spMkLst>
        </pc:spChg>
        <pc:spChg chg="add del mod">
          <ac:chgData name="Ajwaliya, Nishit" userId="d6171631-3d08-453d-8afd-2dc62a5026e2" providerId="ADAL" clId="{BE6821DD-7D57-4DD5-8A13-4769FA62AF9C}" dt="2021-09-17T18:16:36.989" v="3055" actId="478"/>
          <ac:spMkLst>
            <pc:docMk/>
            <pc:sldMk cId="904261193" sldId="2147307529"/>
            <ac:spMk id="407" creationId="{851AB910-BB33-4E0C-9E4E-BB3B2A96EDD8}"/>
          </ac:spMkLst>
        </pc:spChg>
        <pc:spChg chg="add del mod">
          <ac:chgData name="Ajwaliya, Nishit" userId="d6171631-3d08-453d-8afd-2dc62a5026e2" providerId="ADAL" clId="{BE6821DD-7D57-4DD5-8A13-4769FA62AF9C}" dt="2021-09-17T18:16:35.284" v="3054" actId="478"/>
          <ac:spMkLst>
            <pc:docMk/>
            <pc:sldMk cId="904261193" sldId="2147307529"/>
            <ac:spMk id="408" creationId="{B16AEA32-A44A-4AA3-A90F-C3FF04428693}"/>
          </ac:spMkLst>
        </pc:spChg>
        <pc:spChg chg="add mod">
          <ac:chgData name="Ajwaliya, Nishit" userId="d6171631-3d08-453d-8afd-2dc62a5026e2" providerId="ADAL" clId="{BE6821DD-7D57-4DD5-8A13-4769FA62AF9C}" dt="2021-09-17T18:14:31.130" v="2949" actId="1037"/>
          <ac:spMkLst>
            <pc:docMk/>
            <pc:sldMk cId="904261193" sldId="2147307529"/>
            <ac:spMk id="409" creationId="{E7D9DD7B-CDFA-4464-8D7E-F9C8F6C5D43F}"/>
          </ac:spMkLst>
        </pc:spChg>
        <pc:spChg chg="add mod">
          <ac:chgData name="Ajwaliya, Nishit" userId="d6171631-3d08-453d-8afd-2dc62a5026e2" providerId="ADAL" clId="{BE6821DD-7D57-4DD5-8A13-4769FA62AF9C}" dt="2021-09-17T18:14:38.319" v="2973" actId="1037"/>
          <ac:spMkLst>
            <pc:docMk/>
            <pc:sldMk cId="904261193" sldId="2147307529"/>
            <ac:spMk id="410" creationId="{F87DBC83-F4A9-4818-AA51-0FD3C6BF3F15}"/>
          </ac:spMkLst>
        </pc:spChg>
        <pc:spChg chg="add del mod">
          <ac:chgData name="Ajwaliya, Nishit" userId="d6171631-3d08-453d-8afd-2dc62a5026e2" providerId="ADAL" clId="{BE6821DD-7D57-4DD5-8A13-4769FA62AF9C}" dt="2021-09-17T18:16:39.417" v="3056" actId="478"/>
          <ac:spMkLst>
            <pc:docMk/>
            <pc:sldMk cId="904261193" sldId="2147307529"/>
            <ac:spMk id="411" creationId="{E3D556C1-7C86-4D75-AA87-D850CA98158D}"/>
          </ac:spMkLst>
        </pc:spChg>
        <pc:spChg chg="add mod">
          <ac:chgData name="Ajwaliya, Nishit" userId="d6171631-3d08-453d-8afd-2dc62a5026e2" providerId="ADAL" clId="{BE6821DD-7D57-4DD5-8A13-4769FA62AF9C}" dt="2021-09-17T19:10:25.869" v="3991" actId="1037"/>
          <ac:spMkLst>
            <pc:docMk/>
            <pc:sldMk cId="904261193" sldId="2147307529"/>
            <ac:spMk id="412" creationId="{9FB4B426-9B66-40E1-B84E-9E2CBA381570}"/>
          </ac:spMkLst>
        </pc:spChg>
        <pc:spChg chg="add del mod">
          <ac:chgData name="Ajwaliya, Nishit" userId="d6171631-3d08-453d-8afd-2dc62a5026e2" providerId="ADAL" clId="{BE6821DD-7D57-4DD5-8A13-4769FA62AF9C}" dt="2021-09-17T19:10:18.083" v="3981" actId="478"/>
          <ac:spMkLst>
            <pc:docMk/>
            <pc:sldMk cId="904261193" sldId="2147307529"/>
            <ac:spMk id="413" creationId="{280F3C2E-A62A-4639-974A-A3746E274620}"/>
          </ac:spMkLst>
        </pc:spChg>
        <pc:spChg chg="add del mod">
          <ac:chgData name="Ajwaliya, Nishit" userId="d6171631-3d08-453d-8afd-2dc62a5026e2" providerId="ADAL" clId="{BE6821DD-7D57-4DD5-8A13-4769FA62AF9C}" dt="2021-09-17T17:59:35.679" v="2846" actId="478"/>
          <ac:spMkLst>
            <pc:docMk/>
            <pc:sldMk cId="904261193" sldId="2147307529"/>
            <ac:spMk id="414" creationId="{16CEE5B1-1534-4CE0-BB1B-73FC62FB8793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15" creationId="{260CC9A6-6616-41B5-A547-8A8909E51388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416" creationId="{A52479B3-1B20-4765-BE4D-A94A64ACFCB5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417" creationId="{4CBEAE4D-DB9B-4D53-915A-8D1CE9161DD4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418" creationId="{0D0FC871-10DA-4970-A09B-1995D50159C1}"/>
          </ac:spMkLst>
        </pc:spChg>
        <pc:spChg chg="add del mod">
          <ac:chgData name="Ajwaliya, Nishit" userId="d6171631-3d08-453d-8afd-2dc62a5026e2" providerId="ADAL" clId="{BE6821DD-7D57-4DD5-8A13-4769FA62AF9C}" dt="2021-09-17T18:52:24.251" v="3619" actId="478"/>
          <ac:spMkLst>
            <pc:docMk/>
            <pc:sldMk cId="904261193" sldId="2147307529"/>
            <ac:spMk id="419" creationId="{3E8E4823-91C4-4479-BDFC-835A09F29686}"/>
          </ac:spMkLst>
        </pc:spChg>
        <pc:spChg chg="add del mod">
          <ac:chgData name="Ajwaliya, Nishit" userId="d6171631-3d08-453d-8afd-2dc62a5026e2" providerId="ADAL" clId="{BE6821DD-7D57-4DD5-8A13-4769FA62AF9C}" dt="2021-09-17T18:50:38.750" v="3609" actId="478"/>
          <ac:spMkLst>
            <pc:docMk/>
            <pc:sldMk cId="904261193" sldId="2147307529"/>
            <ac:spMk id="420" creationId="{4C52828C-C5F3-4A75-A811-B5CEAE203E13}"/>
          </ac:spMkLst>
        </pc:spChg>
        <pc:spChg chg="add del mod">
          <ac:chgData name="Ajwaliya, Nishit" userId="d6171631-3d08-453d-8afd-2dc62a5026e2" providerId="ADAL" clId="{BE6821DD-7D57-4DD5-8A13-4769FA62AF9C}" dt="2021-09-17T18:50:42.744" v="3610" actId="478"/>
          <ac:spMkLst>
            <pc:docMk/>
            <pc:sldMk cId="904261193" sldId="2147307529"/>
            <ac:spMk id="421" creationId="{E3159CED-FCFB-4AC2-882D-AC48C60F5F16}"/>
          </ac:spMkLst>
        </pc:spChg>
        <pc:spChg chg="add del mod">
          <ac:chgData name="Ajwaliya, Nishit" userId="d6171631-3d08-453d-8afd-2dc62a5026e2" providerId="ADAL" clId="{BE6821DD-7D57-4DD5-8A13-4769FA62AF9C}" dt="2021-09-17T18:50:47.598" v="3612" actId="478"/>
          <ac:spMkLst>
            <pc:docMk/>
            <pc:sldMk cId="904261193" sldId="2147307529"/>
            <ac:spMk id="422" creationId="{99072779-848E-456B-9BFB-2737C1293899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3" creationId="{92308836-B6B9-4E57-BF40-47263FBD313D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4" creationId="{23CDBDD2-0496-4EEF-9FA6-37BB60F2F027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5" creationId="{8C79F6E5-93E9-4F5D-A70B-0BD73DB79813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6" creationId="{D08465F3-E279-412E-93CF-C9FDADF4288C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7" creationId="{B0B4CD1D-3B81-4F5B-8BFE-3080610E8014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28" creationId="{1429A08F-A89E-4DFA-B945-6639BADD7265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29" creationId="{9AF59BB2-4093-4C2B-8987-8B569FEA7416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0" creationId="{E4AC434B-CD4E-4F0C-87FA-839C89C82BAE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1" creationId="{92FDBE7F-61F3-41FD-AF1E-3D1E3AB90B7C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2" creationId="{5A3F99FE-CABA-4F21-8B6B-3A5FECCC7F1D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3" creationId="{12FBD778-6CB5-4404-9982-71263E3EC779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4" creationId="{36F155C8-71A2-473E-BAD4-9689403B5127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5" creationId="{0928BA57-54E0-406E-8712-7D25DCF7C2D1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6" creationId="{B6ECDBAF-753A-43C3-BE38-0BD33C6777F9}"/>
          </ac:spMkLst>
        </pc:spChg>
        <pc:spChg chg="add mod">
          <ac:chgData name="Ajwaliya, Nishit" userId="d6171631-3d08-453d-8afd-2dc62a5026e2" providerId="ADAL" clId="{BE6821DD-7D57-4DD5-8A13-4769FA62AF9C}" dt="2021-09-20T17:13:59.407" v="4223" actId="207"/>
          <ac:spMkLst>
            <pc:docMk/>
            <pc:sldMk cId="904261193" sldId="2147307529"/>
            <ac:spMk id="437" creationId="{3F554144-6849-4FC7-855D-86BB80FCF0B1}"/>
          </ac:spMkLst>
        </pc:spChg>
        <pc:spChg chg="add mod">
          <ac:chgData name="Ajwaliya, Nishit" userId="d6171631-3d08-453d-8afd-2dc62a5026e2" providerId="ADAL" clId="{BE6821DD-7D57-4DD5-8A13-4769FA62AF9C}" dt="2021-09-17T19:02:36.198" v="3820" actId="207"/>
          <ac:spMkLst>
            <pc:docMk/>
            <pc:sldMk cId="904261193" sldId="2147307529"/>
            <ac:spMk id="438" creationId="{E08230ED-126E-44EF-9D04-036D837A8F64}"/>
          </ac:spMkLst>
        </pc:spChg>
        <pc:spChg chg="add del mod">
          <ac:chgData name="Ajwaliya, Nishit" userId="d6171631-3d08-453d-8afd-2dc62a5026e2" providerId="ADAL" clId="{BE6821DD-7D57-4DD5-8A13-4769FA62AF9C}" dt="2021-09-17T18:59:22.655" v="3742" actId="478"/>
          <ac:spMkLst>
            <pc:docMk/>
            <pc:sldMk cId="904261193" sldId="2147307529"/>
            <ac:spMk id="439" creationId="{1E9A33D4-DEB5-4790-9B2B-90310FD7581D}"/>
          </ac:spMkLst>
        </pc:spChg>
        <pc:spChg chg="add mod">
          <ac:chgData name="Ajwaliya, Nishit" userId="d6171631-3d08-453d-8afd-2dc62a5026e2" providerId="ADAL" clId="{BE6821DD-7D57-4DD5-8A13-4769FA62AF9C}" dt="2021-09-17T19:01:30.568" v="3781" actId="1036"/>
          <ac:spMkLst>
            <pc:docMk/>
            <pc:sldMk cId="904261193" sldId="2147307529"/>
            <ac:spMk id="440" creationId="{B022BCF7-C67F-4609-A4D8-ED44B0F0B251}"/>
          </ac:spMkLst>
        </pc:spChg>
        <pc:spChg chg="add mod">
          <ac:chgData name="Ajwaliya, Nishit" userId="d6171631-3d08-453d-8afd-2dc62a5026e2" providerId="ADAL" clId="{BE6821DD-7D57-4DD5-8A13-4769FA62AF9C}" dt="2021-09-17T19:01:23.171" v="3779" actId="1076"/>
          <ac:spMkLst>
            <pc:docMk/>
            <pc:sldMk cId="904261193" sldId="2147307529"/>
            <ac:spMk id="441" creationId="{290DFE92-F2FE-4952-A501-AEE9760A24B8}"/>
          </ac:spMkLst>
        </pc:spChg>
        <pc:spChg chg="add del mod">
          <ac:chgData name="Ajwaliya, Nishit" userId="d6171631-3d08-453d-8afd-2dc62a5026e2" providerId="ADAL" clId="{BE6821DD-7D57-4DD5-8A13-4769FA62AF9C}" dt="2021-09-17T19:05:48.783" v="3914" actId="478"/>
          <ac:spMkLst>
            <pc:docMk/>
            <pc:sldMk cId="904261193" sldId="2147307529"/>
            <ac:spMk id="442" creationId="{0021A479-6F97-49F6-AF47-1194EE3815C8}"/>
          </ac:spMkLst>
        </pc:spChg>
        <pc:spChg chg="add del mod">
          <ac:chgData name="Ajwaliya, Nishit" userId="d6171631-3d08-453d-8afd-2dc62a5026e2" providerId="ADAL" clId="{BE6821DD-7D57-4DD5-8A13-4769FA62AF9C}" dt="2021-09-17T19:04:05.980" v="3844" actId="478"/>
          <ac:spMkLst>
            <pc:docMk/>
            <pc:sldMk cId="904261193" sldId="2147307529"/>
            <ac:spMk id="443" creationId="{8CAB391B-60B0-4B3D-B676-600C36AB621F}"/>
          </ac:spMkLst>
        </pc:spChg>
        <pc:spChg chg="add mod">
          <ac:chgData name="Ajwaliya, Nishit" userId="d6171631-3d08-453d-8afd-2dc62a5026e2" providerId="ADAL" clId="{BE6821DD-7D57-4DD5-8A13-4769FA62AF9C}" dt="2021-09-20T17:13:59.407" v="4223" actId="207"/>
          <ac:spMkLst>
            <pc:docMk/>
            <pc:sldMk cId="904261193" sldId="2147307529"/>
            <ac:spMk id="444" creationId="{61B6E784-5F57-48A7-8B7A-1F4A24E0C995}"/>
          </ac:spMkLst>
        </pc:spChg>
        <pc:spChg chg="add mod">
          <ac:chgData name="Ajwaliya, Nishit" userId="d6171631-3d08-453d-8afd-2dc62a5026e2" providerId="ADAL" clId="{BE6821DD-7D57-4DD5-8A13-4769FA62AF9C}" dt="2021-09-20T17:13:59.407" v="4223" actId="207"/>
          <ac:spMkLst>
            <pc:docMk/>
            <pc:sldMk cId="904261193" sldId="2147307529"/>
            <ac:spMk id="445" creationId="{8F1BA791-CE14-4FB1-BA6A-72A3CB1B2C3D}"/>
          </ac:spMkLst>
        </pc:spChg>
        <pc:grpChg chg="add del mod">
          <ac:chgData name="Ajwaliya, Nishit" userId="d6171631-3d08-453d-8afd-2dc62a5026e2" providerId="ADAL" clId="{BE6821DD-7D57-4DD5-8A13-4769FA62AF9C}" dt="2021-09-16T21:37:40.932" v="373"/>
          <ac:grpSpMkLst>
            <pc:docMk/>
            <pc:sldMk cId="904261193" sldId="2147307529"/>
            <ac:grpSpMk id="246" creationId="{564D98C2-86EA-40BA-936C-02A5E3F8A9B2}"/>
          </ac:grpSpMkLst>
        </pc:grpChg>
        <pc:grpChg chg="add del mod">
          <ac:chgData name="Ajwaliya, Nishit" userId="d6171631-3d08-453d-8afd-2dc62a5026e2" providerId="ADAL" clId="{BE6821DD-7D57-4DD5-8A13-4769FA62AF9C}" dt="2021-09-17T13:53:08.376" v="2206" actId="478"/>
          <ac:grpSpMkLst>
            <pc:docMk/>
            <pc:sldMk cId="904261193" sldId="2147307529"/>
            <ac:grpSpMk id="320" creationId="{B47F9E19-3493-4F71-8195-D3FF4E494C25}"/>
          </ac:grpSpMkLst>
        </pc:grpChg>
        <pc:graphicFrameChg chg="add del mod modGraphic">
          <ac:chgData name="Ajwaliya, Nishit" userId="d6171631-3d08-453d-8afd-2dc62a5026e2" providerId="ADAL" clId="{BE6821DD-7D57-4DD5-8A13-4769FA62AF9C}" dt="2021-09-17T18:23:11.833" v="3134" actId="478"/>
          <ac:graphicFrameMkLst>
            <pc:docMk/>
            <pc:sldMk cId="904261193" sldId="2147307529"/>
            <ac:graphicFrameMk id="6" creationId="{3C81BEEC-2A01-44DF-9428-61D92DD31560}"/>
          </ac:graphicFrameMkLst>
        </pc:graphicFrame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162" creationId="{D806E5C4-F5B7-4465-8699-4743B4EDE32C}"/>
          </ac:picMkLst>
        </pc:pic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164" creationId="{23DC112B-D90B-4346-8F00-D4444FA6DDFE}"/>
          </ac:picMkLst>
        </pc:pic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166" creationId="{ACBC42D8-1DCB-4CA5-A375-F401A599726A}"/>
          </ac:picMkLst>
        </pc:pic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168" creationId="{6CD85B61-1744-428F-99BE-BC0E382F68E6}"/>
          </ac:picMkLst>
        </pc:pic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212" creationId="{073E04DF-8316-4E39-A58D-09FFE3057DB0}"/>
          </ac:picMkLst>
        </pc:picChg>
        <pc:cxnChg chg="del">
          <ac:chgData name="Ajwaliya, Nishit" userId="d6171631-3d08-453d-8afd-2dc62a5026e2" providerId="ADAL" clId="{BE6821DD-7D57-4DD5-8A13-4769FA62AF9C}" dt="2021-09-16T21:37:11.343" v="370" actId="478"/>
          <ac:cxnSpMkLst>
            <pc:docMk/>
            <pc:sldMk cId="904261193" sldId="2147307529"/>
            <ac:cxnSpMk id="5" creationId="{647B011B-7ADE-4400-839C-981A0590474B}"/>
          </ac:cxnSpMkLst>
        </pc:cxnChg>
        <pc:cxnChg chg="del">
          <ac:chgData name="Ajwaliya, Nishit" userId="d6171631-3d08-453d-8afd-2dc62a5026e2" providerId="ADAL" clId="{BE6821DD-7D57-4DD5-8A13-4769FA62AF9C}" dt="2021-09-16T21:37:11.343" v="370" actId="478"/>
          <ac:cxnSpMkLst>
            <pc:docMk/>
            <pc:sldMk cId="904261193" sldId="2147307529"/>
            <ac:cxnSpMk id="122" creationId="{F961ADB8-2408-4630-9023-115E0C7AD7C2}"/>
          </ac:cxnSpMkLst>
        </pc:cxnChg>
        <pc:cxnChg chg="del">
          <ac:chgData name="Ajwaliya, Nishit" userId="d6171631-3d08-453d-8afd-2dc62a5026e2" providerId="ADAL" clId="{BE6821DD-7D57-4DD5-8A13-4769FA62AF9C}" dt="2021-09-16T21:37:11.343" v="370" actId="478"/>
          <ac:cxnSpMkLst>
            <pc:docMk/>
            <pc:sldMk cId="904261193" sldId="2147307529"/>
            <ac:cxnSpMk id="127" creationId="{988282A2-0907-4B4B-9004-B461B0D19AEE}"/>
          </ac:cxnSpMkLst>
        </pc:cxnChg>
        <pc:cxnChg chg="del">
          <ac:chgData name="Ajwaliya, Nishit" userId="d6171631-3d08-453d-8afd-2dc62a5026e2" providerId="ADAL" clId="{BE6821DD-7D57-4DD5-8A13-4769FA62AF9C}" dt="2021-09-16T21:37:11.343" v="370" actId="478"/>
          <ac:cxnSpMkLst>
            <pc:docMk/>
            <pc:sldMk cId="904261193" sldId="2147307529"/>
            <ac:cxnSpMk id="136" creationId="{F7671822-8FF2-476B-9E10-A02943AAFC20}"/>
          </ac:cxnSpMkLst>
        </pc:cxnChg>
        <pc:cxnChg chg="add del mod">
          <ac:chgData name="Ajwaliya, Nishit" userId="d6171631-3d08-453d-8afd-2dc62a5026e2" providerId="ADAL" clId="{BE6821DD-7D57-4DD5-8A13-4769FA62AF9C}" dt="2021-09-16T21:37:40.932" v="373"/>
          <ac:cxnSpMkLst>
            <pc:docMk/>
            <pc:sldMk cId="904261193" sldId="2147307529"/>
            <ac:cxnSpMk id="251" creationId="{691CBD8A-E92C-4D25-82C6-27DBF66BE18C}"/>
          </ac:cxnSpMkLst>
        </pc:cxnChg>
        <pc:cxnChg chg="add del mod">
          <ac:chgData name="Ajwaliya, Nishit" userId="d6171631-3d08-453d-8afd-2dc62a5026e2" providerId="ADAL" clId="{BE6821DD-7D57-4DD5-8A13-4769FA62AF9C}" dt="2021-09-16T21:37:40.932" v="373"/>
          <ac:cxnSpMkLst>
            <pc:docMk/>
            <pc:sldMk cId="904261193" sldId="2147307529"/>
            <ac:cxnSpMk id="253" creationId="{450C46AA-D2EF-4CFD-ABE5-41BF130772CD}"/>
          </ac:cxnSpMkLst>
        </pc:cxnChg>
        <pc:cxnChg chg="add del mod">
          <ac:chgData name="Ajwaliya, Nishit" userId="d6171631-3d08-453d-8afd-2dc62a5026e2" providerId="ADAL" clId="{BE6821DD-7D57-4DD5-8A13-4769FA62AF9C}" dt="2021-09-17T13:53:08.376" v="2206" actId="478"/>
          <ac:cxnSpMkLst>
            <pc:docMk/>
            <pc:sldMk cId="904261193" sldId="2147307529"/>
            <ac:cxnSpMk id="325" creationId="{F5294CDB-C53E-4BA7-9BBB-111740D88EE7}"/>
          </ac:cxnSpMkLst>
        </pc:cxnChg>
        <pc:cxnChg chg="add del mod">
          <ac:chgData name="Ajwaliya, Nishit" userId="d6171631-3d08-453d-8afd-2dc62a5026e2" providerId="ADAL" clId="{BE6821DD-7D57-4DD5-8A13-4769FA62AF9C}" dt="2021-09-17T13:53:08.376" v="2206" actId="478"/>
          <ac:cxnSpMkLst>
            <pc:docMk/>
            <pc:sldMk cId="904261193" sldId="2147307529"/>
            <ac:cxnSpMk id="327" creationId="{0CC22C5A-A354-4C81-8CE1-EABAE667DFFA}"/>
          </ac:cxnSpMkLst>
        </pc:cxnChg>
      </pc:sldChg>
      <pc:sldMasterChg chg="modSldLayout">
        <pc:chgData name="Ajwaliya, Nishit" userId="d6171631-3d08-453d-8afd-2dc62a5026e2" providerId="ADAL" clId="{BE6821DD-7D57-4DD5-8A13-4769FA62AF9C}" dt="2021-09-16T21:07:44.173" v="88" actId="20577"/>
        <pc:sldMasterMkLst>
          <pc:docMk/>
          <pc:sldMasterMk cId="0" sldId="2147483651"/>
        </pc:sldMasterMkLst>
        <pc:sldLayoutChg chg="modSp mod">
          <pc:chgData name="Ajwaliya, Nishit" userId="d6171631-3d08-453d-8afd-2dc62a5026e2" providerId="ADAL" clId="{BE6821DD-7D57-4DD5-8A13-4769FA62AF9C}" dt="2021-09-16T21:07:44.173" v="88" actId="20577"/>
          <pc:sldLayoutMkLst>
            <pc:docMk/>
            <pc:sldMasterMk cId="0" sldId="2147483651"/>
            <pc:sldLayoutMk cId="4139574287" sldId="2147483818"/>
          </pc:sldLayoutMkLst>
          <pc:spChg chg="mod">
            <ac:chgData name="Ajwaliya, Nishit" userId="d6171631-3d08-453d-8afd-2dc62a5026e2" providerId="ADAL" clId="{BE6821DD-7D57-4DD5-8A13-4769FA62AF9C}" dt="2021-09-16T21:07:44.173" v="88" actId="20577"/>
            <ac:spMkLst>
              <pc:docMk/>
              <pc:sldMasterMk cId="0" sldId="2147483651"/>
              <pc:sldLayoutMk cId="4139574287" sldId="2147483818"/>
              <ac:spMk id="19" creationId="{ADFF238E-7F6C-4E4D-ABDF-95E78500C919}"/>
            </ac:spMkLst>
          </pc:spChg>
        </pc:sldLayoutChg>
      </pc:sldMasterChg>
    </pc:docChg>
  </pc:docChgLst>
  <pc:docChgLst>
    <pc:chgData name="Ajwaliya, Nishit" userId="d6171631-3d08-453d-8afd-2dc62a5026e2" providerId="ADAL" clId="{A2760FEB-458D-454C-A426-25789284D9CF}"/>
    <pc:docChg chg="undo custSel modSld">
      <pc:chgData name="Ajwaliya, Nishit" userId="d6171631-3d08-453d-8afd-2dc62a5026e2" providerId="ADAL" clId="{A2760FEB-458D-454C-A426-25789284D9CF}" dt="2021-11-16T00:42:44.751" v="302" actId="20577"/>
      <pc:docMkLst>
        <pc:docMk/>
      </pc:docMkLst>
      <pc:sldChg chg="addSp delSp modSp mod">
        <pc:chgData name="Ajwaliya, Nishit" userId="d6171631-3d08-453d-8afd-2dc62a5026e2" providerId="ADAL" clId="{A2760FEB-458D-454C-A426-25789284D9CF}" dt="2021-11-16T00:42:44.751" v="302" actId="20577"/>
        <pc:sldMkLst>
          <pc:docMk/>
          <pc:sldMk cId="904261193" sldId="2147307529"/>
        </pc:sldMkLst>
        <pc:spChg chg="mod">
          <ac:chgData name="Ajwaliya, Nishit" userId="d6171631-3d08-453d-8afd-2dc62a5026e2" providerId="ADAL" clId="{A2760FEB-458D-454C-A426-25789284D9CF}" dt="2021-11-16T00:40:57.530" v="245" actId="1076"/>
          <ac:spMkLst>
            <pc:docMk/>
            <pc:sldMk cId="904261193" sldId="2147307529"/>
            <ac:spMk id="2" creationId="{65606505-0DE3-4026-B55A-3FA303F48ACA}"/>
          </ac:spMkLst>
        </pc:spChg>
        <pc:spChg chg="add del mod">
          <ac:chgData name="Ajwaliya, Nishit" userId="d6171631-3d08-453d-8afd-2dc62a5026e2" providerId="ADAL" clId="{A2760FEB-458D-454C-A426-25789284D9CF}" dt="2021-11-16T00:36:22.342" v="11" actId="478"/>
          <ac:spMkLst>
            <pc:docMk/>
            <pc:sldMk cId="904261193" sldId="2147307529"/>
            <ac:spMk id="62" creationId="{ED21CCEB-1A25-45F5-94D0-54AD08480075}"/>
          </ac:spMkLst>
        </pc:spChg>
        <pc:spChg chg="add del mod">
          <ac:chgData name="Ajwaliya, Nishit" userId="d6171631-3d08-453d-8afd-2dc62a5026e2" providerId="ADAL" clId="{A2760FEB-458D-454C-A426-25789284D9CF}" dt="2021-11-16T00:39:28.948" v="136"/>
          <ac:spMkLst>
            <pc:docMk/>
            <pc:sldMk cId="904261193" sldId="2147307529"/>
            <ac:spMk id="63" creationId="{4CDCE4BF-AC12-413F-BA19-E7E99A0EBE4A}"/>
          </ac:spMkLst>
        </pc:spChg>
        <pc:spChg chg="add del mod">
          <ac:chgData name="Ajwaliya, Nishit" userId="d6171631-3d08-453d-8afd-2dc62a5026e2" providerId="ADAL" clId="{A2760FEB-458D-454C-A426-25789284D9CF}" dt="2021-11-16T00:39:28.948" v="136"/>
          <ac:spMkLst>
            <pc:docMk/>
            <pc:sldMk cId="904261193" sldId="2147307529"/>
            <ac:spMk id="64" creationId="{490540E2-8100-4B7F-8D78-B66C66D6AFA8}"/>
          </ac:spMkLst>
        </pc:spChg>
        <pc:spChg chg="add del mod">
          <ac:chgData name="Ajwaliya, Nishit" userId="d6171631-3d08-453d-8afd-2dc62a5026e2" providerId="ADAL" clId="{A2760FEB-458D-454C-A426-25789284D9CF}" dt="2021-11-16T00:39:28.948" v="136"/>
          <ac:spMkLst>
            <pc:docMk/>
            <pc:sldMk cId="904261193" sldId="2147307529"/>
            <ac:spMk id="66" creationId="{154521D7-77CB-4D5F-9A7C-8CA70ADC1C4A}"/>
          </ac:spMkLst>
        </pc:spChg>
        <pc:spChg chg="add del mod">
          <ac:chgData name="Ajwaliya, Nishit" userId="d6171631-3d08-453d-8afd-2dc62a5026e2" providerId="ADAL" clId="{A2760FEB-458D-454C-A426-25789284D9CF}" dt="2021-11-16T00:39:28.948" v="136"/>
          <ac:spMkLst>
            <pc:docMk/>
            <pc:sldMk cId="904261193" sldId="2147307529"/>
            <ac:spMk id="67" creationId="{B17FDF8D-0BD6-4284-862A-0ECA3C683310}"/>
          </ac:spMkLst>
        </pc:spChg>
        <pc:spChg chg="add del mod">
          <ac:chgData name="Ajwaliya, Nishit" userId="d6171631-3d08-453d-8afd-2dc62a5026e2" providerId="ADAL" clId="{A2760FEB-458D-454C-A426-25789284D9CF}" dt="2021-11-16T00:40:53.477" v="243"/>
          <ac:spMkLst>
            <pc:docMk/>
            <pc:sldMk cId="904261193" sldId="2147307529"/>
            <ac:spMk id="68" creationId="{18068D1F-962C-489E-83C3-B64D0FE80B64}"/>
          </ac:spMkLst>
        </pc:spChg>
        <pc:spChg chg="add del mod">
          <ac:chgData name="Ajwaliya, Nishit" userId="d6171631-3d08-453d-8afd-2dc62a5026e2" providerId="ADAL" clId="{A2760FEB-458D-454C-A426-25789284D9CF}" dt="2021-11-16T00:40:53.477" v="243"/>
          <ac:spMkLst>
            <pc:docMk/>
            <pc:sldMk cId="904261193" sldId="2147307529"/>
            <ac:spMk id="69" creationId="{ACCE435D-4E58-4427-998C-0F33D1CE988D}"/>
          </ac:spMkLst>
        </pc:spChg>
        <pc:spChg chg="add del mod">
          <ac:chgData name="Ajwaliya, Nishit" userId="d6171631-3d08-453d-8afd-2dc62a5026e2" providerId="ADAL" clId="{A2760FEB-458D-454C-A426-25789284D9CF}" dt="2021-11-16T00:40:53.477" v="243"/>
          <ac:spMkLst>
            <pc:docMk/>
            <pc:sldMk cId="904261193" sldId="2147307529"/>
            <ac:spMk id="70" creationId="{2D2B3BB0-7578-4419-BBBE-694DB7B7383C}"/>
          </ac:spMkLst>
        </pc:spChg>
        <pc:spChg chg="add del mod">
          <ac:chgData name="Ajwaliya, Nishit" userId="d6171631-3d08-453d-8afd-2dc62a5026e2" providerId="ADAL" clId="{A2760FEB-458D-454C-A426-25789284D9CF}" dt="2021-11-16T00:40:53.477" v="243"/>
          <ac:spMkLst>
            <pc:docMk/>
            <pc:sldMk cId="904261193" sldId="2147307529"/>
            <ac:spMk id="71" creationId="{A0CCDDD1-6CC4-42B4-A47E-EE9DA6AD3428}"/>
          </ac:spMkLst>
        </pc:spChg>
        <pc:spChg chg="add del mod">
          <ac:chgData name="Ajwaliya, Nishit" userId="d6171631-3d08-453d-8afd-2dc62a5026e2" providerId="ADAL" clId="{A2760FEB-458D-454C-A426-25789284D9CF}" dt="2021-11-16T00:40:53.477" v="243"/>
          <ac:spMkLst>
            <pc:docMk/>
            <pc:sldMk cId="904261193" sldId="2147307529"/>
            <ac:spMk id="72" creationId="{47E04666-3B35-4B4B-8622-858EB13D3EEC}"/>
          </ac:spMkLst>
        </pc:spChg>
        <pc:spChg chg="add del mod">
          <ac:chgData name="Ajwaliya, Nishit" userId="d6171631-3d08-453d-8afd-2dc62a5026e2" providerId="ADAL" clId="{A2760FEB-458D-454C-A426-25789284D9CF}" dt="2021-11-16T00:40:53.477" v="243"/>
          <ac:spMkLst>
            <pc:docMk/>
            <pc:sldMk cId="904261193" sldId="2147307529"/>
            <ac:spMk id="73" creationId="{2101B6F0-BC36-4F31-887E-9B9065FEAA2E}"/>
          </ac:spMkLst>
        </pc:spChg>
        <pc:spChg chg="add del mod">
          <ac:chgData name="Ajwaliya, Nishit" userId="d6171631-3d08-453d-8afd-2dc62a5026e2" providerId="ADAL" clId="{A2760FEB-458D-454C-A426-25789284D9CF}" dt="2021-11-16T00:40:53.477" v="243"/>
          <ac:spMkLst>
            <pc:docMk/>
            <pc:sldMk cId="904261193" sldId="2147307529"/>
            <ac:spMk id="74" creationId="{B4C63E10-1B8F-4D53-BC36-900C204A88D1}"/>
          </ac:spMkLst>
        </pc:spChg>
        <pc:spChg chg="add mod">
          <ac:chgData name="Ajwaliya, Nishit" userId="d6171631-3d08-453d-8afd-2dc62a5026e2" providerId="ADAL" clId="{A2760FEB-458D-454C-A426-25789284D9CF}" dt="2021-11-16T00:42:00.820" v="268" actId="1036"/>
          <ac:spMkLst>
            <pc:docMk/>
            <pc:sldMk cId="904261193" sldId="2147307529"/>
            <ac:spMk id="75" creationId="{9D4108A1-C57B-47C6-8272-A602CF394A67}"/>
          </ac:spMkLst>
        </pc:spChg>
        <pc:spChg chg="add mod">
          <ac:chgData name="Ajwaliya, Nishit" userId="d6171631-3d08-453d-8afd-2dc62a5026e2" providerId="ADAL" clId="{A2760FEB-458D-454C-A426-25789284D9CF}" dt="2021-11-16T00:42:26.002" v="277" actId="20577"/>
          <ac:spMkLst>
            <pc:docMk/>
            <pc:sldMk cId="904261193" sldId="2147307529"/>
            <ac:spMk id="76" creationId="{B7F990BD-8ED2-45B8-A5B4-0B7A61ADA264}"/>
          </ac:spMkLst>
        </pc:spChg>
        <pc:spChg chg="add mod">
          <ac:chgData name="Ajwaliya, Nishit" userId="d6171631-3d08-453d-8afd-2dc62a5026e2" providerId="ADAL" clId="{A2760FEB-458D-454C-A426-25789284D9CF}" dt="2021-11-16T00:42:00.820" v="268" actId="1036"/>
          <ac:spMkLst>
            <pc:docMk/>
            <pc:sldMk cId="904261193" sldId="2147307529"/>
            <ac:spMk id="77" creationId="{1EC7A34A-C59A-483E-A997-22AAD349CE13}"/>
          </ac:spMkLst>
        </pc:spChg>
        <pc:spChg chg="add mod">
          <ac:chgData name="Ajwaliya, Nishit" userId="d6171631-3d08-453d-8afd-2dc62a5026e2" providerId="ADAL" clId="{A2760FEB-458D-454C-A426-25789284D9CF}" dt="2021-11-16T00:42:00.820" v="268" actId="1036"/>
          <ac:spMkLst>
            <pc:docMk/>
            <pc:sldMk cId="904261193" sldId="2147307529"/>
            <ac:spMk id="78" creationId="{56B85252-E03E-40F4-9B40-262E0B5E561B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277" creationId="{D4B03156-096D-4FE5-9916-A00C847AA881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278" creationId="{459DEE68-A6A4-424E-9476-282EF0FE2C2D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279" creationId="{DBFF95B2-3CA5-4316-B865-091BCE891D83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280" creationId="{07CA9DFF-049B-4103-A784-4D8914EDF69B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282" creationId="{49748139-A290-4105-97F8-C6BB41311301}"/>
          </ac:spMkLst>
        </pc:spChg>
        <pc:spChg chg="mod">
          <ac:chgData name="Ajwaliya, Nishit" userId="d6171631-3d08-453d-8afd-2dc62a5026e2" providerId="ADAL" clId="{A2760FEB-458D-454C-A426-25789284D9CF}" dt="2021-11-16T00:42:19.560" v="270" actId="1076"/>
          <ac:spMkLst>
            <pc:docMk/>
            <pc:sldMk cId="904261193" sldId="2147307529"/>
            <ac:spMk id="310" creationId="{58085F00-1194-4882-8B91-6BCA3C408670}"/>
          </ac:spMkLst>
        </pc:spChg>
        <pc:spChg chg="mod">
          <ac:chgData name="Ajwaliya, Nishit" userId="d6171631-3d08-453d-8afd-2dc62a5026e2" providerId="ADAL" clId="{A2760FEB-458D-454C-A426-25789284D9CF}" dt="2021-11-16T00:42:19.560" v="270" actId="1076"/>
          <ac:spMkLst>
            <pc:docMk/>
            <pc:sldMk cId="904261193" sldId="2147307529"/>
            <ac:spMk id="312" creationId="{76913871-16D9-4413-9045-DC0029C0EB1B}"/>
          </ac:spMkLst>
        </pc:spChg>
        <pc:spChg chg="mod">
          <ac:chgData name="Ajwaliya, Nishit" userId="d6171631-3d08-453d-8afd-2dc62a5026e2" providerId="ADAL" clId="{A2760FEB-458D-454C-A426-25789284D9CF}" dt="2021-11-16T00:42:19.560" v="270" actId="1076"/>
          <ac:spMkLst>
            <pc:docMk/>
            <pc:sldMk cId="904261193" sldId="2147307529"/>
            <ac:spMk id="314" creationId="{F0198DAC-46D2-431D-BE04-C477DC819B8D}"/>
          </ac:spMkLst>
        </pc:spChg>
        <pc:spChg chg="mod">
          <ac:chgData name="Ajwaliya, Nishit" userId="d6171631-3d08-453d-8afd-2dc62a5026e2" providerId="ADAL" clId="{A2760FEB-458D-454C-A426-25789284D9CF}" dt="2021-11-16T00:41:24.612" v="248" actId="1076"/>
          <ac:spMkLst>
            <pc:docMk/>
            <pc:sldMk cId="904261193" sldId="2147307529"/>
            <ac:spMk id="315" creationId="{CA5143F8-C648-4971-B0DE-F85E22ED3C4F}"/>
          </ac:spMkLst>
        </pc:spChg>
        <pc:spChg chg="mod">
          <ac:chgData name="Ajwaliya, Nishit" userId="d6171631-3d08-453d-8afd-2dc62a5026e2" providerId="ADAL" clId="{A2760FEB-458D-454C-A426-25789284D9CF}" dt="2021-11-16T00:41:24.612" v="248" actId="1076"/>
          <ac:spMkLst>
            <pc:docMk/>
            <pc:sldMk cId="904261193" sldId="2147307529"/>
            <ac:spMk id="316" creationId="{ACD590B6-8A4A-4561-A103-8D2E2C776C9A}"/>
          </ac:spMkLst>
        </pc:spChg>
        <pc:spChg chg="mod">
          <ac:chgData name="Ajwaliya, Nishit" userId="d6171631-3d08-453d-8afd-2dc62a5026e2" providerId="ADAL" clId="{A2760FEB-458D-454C-A426-25789284D9CF}" dt="2021-11-16T00:41:24.612" v="248" actId="1076"/>
          <ac:spMkLst>
            <pc:docMk/>
            <pc:sldMk cId="904261193" sldId="2147307529"/>
            <ac:spMk id="318" creationId="{0736E9F1-147E-4B48-8652-95E0A52B7BBC}"/>
          </ac:spMkLst>
        </pc:spChg>
        <pc:spChg chg="mod">
          <ac:chgData name="Ajwaliya, Nishit" userId="d6171631-3d08-453d-8afd-2dc62a5026e2" providerId="ADAL" clId="{A2760FEB-458D-454C-A426-25789284D9CF}" dt="2021-11-16T00:41:24.612" v="248" actId="1076"/>
          <ac:spMkLst>
            <pc:docMk/>
            <pc:sldMk cId="904261193" sldId="2147307529"/>
            <ac:spMk id="319" creationId="{900C921F-3A0A-4357-900F-DF5B23D7644B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329" creationId="{48B508C1-7E2C-40A8-AFFD-D5E1B80C6B7E}"/>
          </ac:spMkLst>
        </pc:spChg>
        <pc:spChg chg="del">
          <ac:chgData name="Ajwaliya, Nishit" userId="d6171631-3d08-453d-8afd-2dc62a5026e2" providerId="ADAL" clId="{A2760FEB-458D-454C-A426-25789284D9CF}" dt="2021-11-16T00:36:05.959" v="1" actId="478"/>
          <ac:spMkLst>
            <pc:docMk/>
            <pc:sldMk cId="904261193" sldId="2147307529"/>
            <ac:spMk id="350" creationId="{C69571CF-F7D6-4ABB-89CD-FEC78DD6CDA1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351" creationId="{8ADC5671-CE07-4FCB-A778-26173EA4D013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352" creationId="{7DDFFA79-F76D-4823-AEC6-E2355DBA5CB4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359" creationId="{D91A8FEB-06FE-4044-B8FF-756FD227EBA5}"/>
          </ac:spMkLst>
        </pc:spChg>
        <pc:spChg chg="mod">
          <ac:chgData name="Ajwaliya, Nishit" userId="d6171631-3d08-453d-8afd-2dc62a5026e2" providerId="ADAL" clId="{A2760FEB-458D-454C-A426-25789284D9CF}" dt="2021-11-16T00:41:43.123" v="261" actId="1036"/>
          <ac:spMkLst>
            <pc:docMk/>
            <pc:sldMk cId="904261193" sldId="2147307529"/>
            <ac:spMk id="363" creationId="{4876B329-05EA-45D5-B4AC-526D938C001A}"/>
          </ac:spMkLst>
        </pc:spChg>
        <pc:spChg chg="mod">
          <ac:chgData name="Ajwaliya, Nishit" userId="d6171631-3d08-453d-8afd-2dc62a5026e2" providerId="ADAL" clId="{A2760FEB-458D-454C-A426-25789284D9CF}" dt="2021-11-16T00:42:44.751" v="302" actId="20577"/>
          <ac:spMkLst>
            <pc:docMk/>
            <pc:sldMk cId="904261193" sldId="2147307529"/>
            <ac:spMk id="364" creationId="{D720271D-A9A5-4B5C-BEBA-624AC2C14978}"/>
          </ac:spMkLst>
        </pc:spChg>
        <pc:spChg chg="mod">
          <ac:chgData name="Ajwaliya, Nishit" userId="d6171631-3d08-453d-8afd-2dc62a5026e2" providerId="ADAL" clId="{A2760FEB-458D-454C-A426-25789284D9CF}" dt="2021-11-16T00:41:43.123" v="261" actId="1036"/>
          <ac:spMkLst>
            <pc:docMk/>
            <pc:sldMk cId="904261193" sldId="2147307529"/>
            <ac:spMk id="365" creationId="{D502F2CC-EC96-4A14-9161-3EB97D4F993C}"/>
          </ac:spMkLst>
        </pc:spChg>
        <pc:spChg chg="mod">
          <ac:chgData name="Ajwaliya, Nishit" userId="d6171631-3d08-453d-8afd-2dc62a5026e2" providerId="ADAL" clId="{A2760FEB-458D-454C-A426-25789284D9CF}" dt="2021-11-16T00:41:43.123" v="261" actId="1036"/>
          <ac:spMkLst>
            <pc:docMk/>
            <pc:sldMk cId="904261193" sldId="2147307529"/>
            <ac:spMk id="366" creationId="{6A16A5F7-E370-4891-B8DF-4FBC312DDB9D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380" creationId="{9C50EDC6-738A-4065-B233-ECBAF5BB58CE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381" creationId="{D9CC935F-DD59-4CB5-9D4F-146D521B946F}"/>
          </ac:spMkLst>
        </pc:spChg>
        <pc:spChg chg="mod">
          <ac:chgData name="Ajwaliya, Nishit" userId="d6171631-3d08-453d-8afd-2dc62a5026e2" providerId="ADAL" clId="{A2760FEB-458D-454C-A426-25789284D9CF}" dt="2021-11-16T00:42:19.560" v="270" actId="1076"/>
          <ac:spMkLst>
            <pc:docMk/>
            <pc:sldMk cId="904261193" sldId="2147307529"/>
            <ac:spMk id="383" creationId="{C3D22962-2470-44A3-BC39-3C523527553B}"/>
          </ac:spMkLst>
        </pc:spChg>
        <pc:spChg chg="mod">
          <ac:chgData name="Ajwaliya, Nishit" userId="d6171631-3d08-453d-8afd-2dc62a5026e2" providerId="ADAL" clId="{A2760FEB-458D-454C-A426-25789284D9CF}" dt="2021-11-16T00:42:19.560" v="270" actId="1076"/>
          <ac:spMkLst>
            <pc:docMk/>
            <pc:sldMk cId="904261193" sldId="2147307529"/>
            <ac:spMk id="384" creationId="{BEFA452C-1C16-453B-A163-6AEF207A7965}"/>
          </ac:spMkLst>
        </pc:spChg>
        <pc:spChg chg="mod">
          <ac:chgData name="Ajwaliya, Nishit" userId="d6171631-3d08-453d-8afd-2dc62a5026e2" providerId="ADAL" clId="{A2760FEB-458D-454C-A426-25789284D9CF}" dt="2021-11-16T00:41:43.123" v="261" actId="1036"/>
          <ac:spMkLst>
            <pc:docMk/>
            <pc:sldMk cId="904261193" sldId="2147307529"/>
            <ac:spMk id="385" creationId="{2CE365CA-39B7-40D5-8CD8-25E3873945E0}"/>
          </ac:spMkLst>
        </pc:spChg>
        <pc:spChg chg="mod">
          <ac:chgData name="Ajwaliya, Nishit" userId="d6171631-3d08-453d-8afd-2dc62a5026e2" providerId="ADAL" clId="{A2760FEB-458D-454C-A426-25789284D9CF}" dt="2021-11-16T00:39:09.913" v="132" actId="1036"/>
          <ac:spMkLst>
            <pc:docMk/>
            <pc:sldMk cId="904261193" sldId="2147307529"/>
            <ac:spMk id="386" creationId="{2026660D-A8E1-4F16-8F9D-12EFF89A5A3D}"/>
          </ac:spMkLst>
        </pc:spChg>
        <pc:spChg chg="mod">
          <ac:chgData name="Ajwaliya, Nishit" userId="d6171631-3d08-453d-8afd-2dc62a5026e2" providerId="ADAL" clId="{A2760FEB-458D-454C-A426-25789284D9CF}" dt="2021-11-16T00:39:09.913" v="132" actId="1036"/>
          <ac:spMkLst>
            <pc:docMk/>
            <pc:sldMk cId="904261193" sldId="2147307529"/>
            <ac:spMk id="387" creationId="{5EEF1CC1-B0AB-4421-A197-E14269DBF517}"/>
          </ac:spMkLst>
        </pc:spChg>
        <pc:spChg chg="del mod">
          <ac:chgData name="Ajwaliya, Nishit" userId="d6171631-3d08-453d-8afd-2dc62a5026e2" providerId="ADAL" clId="{A2760FEB-458D-454C-A426-25789284D9CF}" dt="2021-11-16T00:38:52.337" v="123" actId="478"/>
          <ac:spMkLst>
            <pc:docMk/>
            <pc:sldMk cId="904261193" sldId="2147307529"/>
            <ac:spMk id="388" creationId="{A397D18F-5B92-4D8D-A9A7-335ED2E11CFE}"/>
          </ac:spMkLst>
        </pc:spChg>
        <pc:spChg chg="mod">
          <ac:chgData name="Ajwaliya, Nishit" userId="d6171631-3d08-453d-8afd-2dc62a5026e2" providerId="ADAL" clId="{A2760FEB-458D-454C-A426-25789284D9CF}" dt="2021-11-16T00:39:09.913" v="132" actId="1036"/>
          <ac:spMkLst>
            <pc:docMk/>
            <pc:sldMk cId="904261193" sldId="2147307529"/>
            <ac:spMk id="389" creationId="{F1805853-1CBF-4D1A-8322-8ED7983914D5}"/>
          </ac:spMkLst>
        </pc:spChg>
        <pc:spChg chg="del mod">
          <ac:chgData name="Ajwaliya, Nishit" userId="d6171631-3d08-453d-8afd-2dc62a5026e2" providerId="ADAL" clId="{A2760FEB-458D-454C-A426-25789284D9CF}" dt="2021-11-16T00:38:50.013" v="122" actId="478"/>
          <ac:spMkLst>
            <pc:docMk/>
            <pc:sldMk cId="904261193" sldId="2147307529"/>
            <ac:spMk id="390" creationId="{C0A22D43-F6F3-439F-9B1B-CFB31169AAB9}"/>
          </ac:spMkLst>
        </pc:spChg>
        <pc:spChg chg="mod">
          <ac:chgData name="Ajwaliya, Nishit" userId="d6171631-3d08-453d-8afd-2dc62a5026e2" providerId="ADAL" clId="{A2760FEB-458D-454C-A426-25789284D9CF}" dt="2021-11-16T00:39:09.913" v="132" actId="1036"/>
          <ac:spMkLst>
            <pc:docMk/>
            <pc:sldMk cId="904261193" sldId="2147307529"/>
            <ac:spMk id="391" creationId="{FB5FC998-CEAD-4F60-96E0-784E182EF815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393" creationId="{05FE88C3-71FE-4293-A588-0B7E5BB10E43}"/>
          </ac:spMkLst>
        </pc:spChg>
        <pc:spChg chg="del">
          <ac:chgData name="Ajwaliya, Nishit" userId="d6171631-3d08-453d-8afd-2dc62a5026e2" providerId="ADAL" clId="{A2760FEB-458D-454C-A426-25789284D9CF}" dt="2021-11-16T00:35:59.023" v="0" actId="478"/>
          <ac:spMkLst>
            <pc:docMk/>
            <pc:sldMk cId="904261193" sldId="2147307529"/>
            <ac:spMk id="394" creationId="{AB63B036-4796-4E8D-9518-D593737907E3}"/>
          </ac:spMkLst>
        </pc:spChg>
        <pc:spChg chg="mod">
          <ac:chgData name="Ajwaliya, Nishit" userId="d6171631-3d08-453d-8afd-2dc62a5026e2" providerId="ADAL" clId="{A2760FEB-458D-454C-A426-25789284D9CF}" dt="2021-11-16T00:41:24.612" v="248" actId="1076"/>
          <ac:spMkLst>
            <pc:docMk/>
            <pc:sldMk cId="904261193" sldId="2147307529"/>
            <ac:spMk id="405" creationId="{7FB597E5-520D-4A1E-B8EF-2A59BDE6806A}"/>
          </ac:spMkLst>
        </pc:spChg>
        <pc:spChg chg="mod">
          <ac:chgData name="Ajwaliya, Nishit" userId="d6171631-3d08-453d-8afd-2dc62a5026e2" providerId="ADAL" clId="{A2760FEB-458D-454C-A426-25789284D9CF}" dt="2021-11-16T00:41:24.612" v="248" actId="1076"/>
          <ac:spMkLst>
            <pc:docMk/>
            <pc:sldMk cId="904261193" sldId="2147307529"/>
            <ac:spMk id="406" creationId="{C66D3777-A34F-4134-9CBD-5370C66925D3}"/>
          </ac:spMkLst>
        </pc:spChg>
        <pc:spChg chg="mod">
          <ac:chgData name="Ajwaliya, Nishit" userId="d6171631-3d08-453d-8afd-2dc62a5026e2" providerId="ADAL" clId="{A2760FEB-458D-454C-A426-25789284D9CF}" dt="2021-11-16T00:41:24.612" v="248" actId="1076"/>
          <ac:spMkLst>
            <pc:docMk/>
            <pc:sldMk cId="904261193" sldId="2147307529"/>
            <ac:spMk id="412" creationId="{9FB4B426-9B66-40E1-B84E-9E2CBA381570}"/>
          </ac:spMkLst>
        </pc:spChg>
        <pc:spChg chg="mod">
          <ac:chgData name="Ajwaliya, Nishit" userId="d6171631-3d08-453d-8afd-2dc62a5026e2" providerId="ADAL" clId="{A2760FEB-458D-454C-A426-25789284D9CF}" dt="2021-11-16T00:41:43.123" v="261" actId="1036"/>
          <ac:spMkLst>
            <pc:docMk/>
            <pc:sldMk cId="904261193" sldId="2147307529"/>
            <ac:spMk id="416" creationId="{A52479B3-1B20-4765-BE4D-A94A64ACFCB5}"/>
          </ac:spMkLst>
        </pc:spChg>
        <pc:spChg chg="mod">
          <ac:chgData name="Ajwaliya, Nishit" userId="d6171631-3d08-453d-8afd-2dc62a5026e2" providerId="ADAL" clId="{A2760FEB-458D-454C-A426-25789284D9CF}" dt="2021-11-16T00:41:43.123" v="261" actId="1036"/>
          <ac:spMkLst>
            <pc:docMk/>
            <pc:sldMk cId="904261193" sldId="2147307529"/>
            <ac:spMk id="417" creationId="{4CBEAE4D-DB9B-4D53-915A-8D1CE9161DD4}"/>
          </ac:spMkLst>
        </pc:spChg>
        <pc:spChg chg="mod">
          <ac:chgData name="Ajwaliya, Nishit" userId="d6171631-3d08-453d-8afd-2dc62a5026e2" providerId="ADAL" clId="{A2760FEB-458D-454C-A426-25789284D9CF}" dt="2021-11-16T00:41:43.123" v="261" actId="1036"/>
          <ac:spMkLst>
            <pc:docMk/>
            <pc:sldMk cId="904261193" sldId="2147307529"/>
            <ac:spMk id="418" creationId="{0D0FC871-10DA-4970-A09B-1995D50159C1}"/>
          </ac:spMkLst>
        </pc:spChg>
        <pc:spChg chg="mod">
          <ac:chgData name="Ajwaliya, Nishit" userId="d6171631-3d08-453d-8afd-2dc62a5026e2" providerId="ADAL" clId="{A2760FEB-458D-454C-A426-25789284D9CF}" dt="2021-11-16T00:39:42.627" v="145" actId="20577"/>
          <ac:spMkLst>
            <pc:docMk/>
            <pc:sldMk cId="904261193" sldId="2147307529"/>
            <ac:spMk id="430" creationId="{E4AC434B-CD4E-4F0C-87FA-839C89C82BAE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438" creationId="{E08230ED-126E-44EF-9D04-036D837A8F64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440" creationId="{B022BCF7-C67F-4609-A4D8-ED44B0F0B251}"/>
          </ac:spMkLst>
        </pc:spChg>
        <pc:spChg chg="mod">
          <ac:chgData name="Ajwaliya, Nishit" userId="d6171631-3d08-453d-8afd-2dc62a5026e2" providerId="ADAL" clId="{A2760FEB-458D-454C-A426-25789284D9CF}" dt="2021-11-16T00:38:37.320" v="120" actId="1036"/>
          <ac:spMkLst>
            <pc:docMk/>
            <pc:sldMk cId="904261193" sldId="2147307529"/>
            <ac:spMk id="441" creationId="{290DFE92-F2FE-4952-A501-AEE9760A24B8}"/>
          </ac:spMkLst>
        </pc:spChg>
      </pc:sldChg>
    </pc:docChg>
  </pc:docChgLst>
  <pc:docChgLst>
    <pc:chgData name="Ajwaliya, Nishit" userId="d6171631-3d08-453d-8afd-2dc62a5026e2" providerId="ADAL" clId="{CBE05D50-3FC2-465B-8DA9-5C0AA6A300C5}"/>
    <pc:docChg chg="modSld">
      <pc:chgData name="Ajwaliya, Nishit" userId="d6171631-3d08-453d-8afd-2dc62a5026e2" providerId="ADAL" clId="{CBE05D50-3FC2-465B-8DA9-5C0AA6A300C5}" dt="2021-09-16T20:26:17.539" v="0" actId="478"/>
      <pc:docMkLst>
        <pc:docMk/>
      </pc:docMkLst>
      <pc:sldChg chg="delSp">
        <pc:chgData name="Ajwaliya, Nishit" userId="d6171631-3d08-453d-8afd-2dc62a5026e2" providerId="ADAL" clId="{CBE05D50-3FC2-465B-8DA9-5C0AA6A300C5}" dt="2021-09-16T20:26:17.539" v="0" actId="478"/>
        <pc:sldMkLst>
          <pc:docMk/>
          <pc:sldMk cId="2312719742" sldId="2147307528"/>
        </pc:sldMkLst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3" creationId="{ABEB2400-D7CA-4C71-9553-11AAB9242DDB}"/>
          </ac:spMkLst>
        </pc:spChg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5" creationId="{5DB909F7-2BA1-4869-B618-AFD63DC1FD7B}"/>
          </ac:spMkLst>
        </pc:spChg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7" creationId="{D053868B-F886-41A0-AC9B-1B3E131F1D7E}"/>
          </ac:spMkLst>
        </pc:spChg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8" creationId="{B94D045F-CB86-42B8-B7ED-DFC4D176FB6C}"/>
          </ac:spMkLst>
        </pc:spChg>
      </pc:sldChg>
    </pc:docChg>
  </pc:docChgLst>
  <pc:docChgLst>
    <pc:chgData name="Chadha, Bhuvan" userId="6450ff00-3ef8-43a5-a34e-29148c28b198" providerId="ADAL" clId="{06C4AB35-4236-4A9C-863D-204AA679E058}"/>
    <pc:docChg chg="undo custSel modSld">
      <pc:chgData name="Chadha, Bhuvan" userId="6450ff00-3ef8-43a5-a34e-29148c28b198" providerId="ADAL" clId="{06C4AB35-4236-4A9C-863D-204AA679E058}" dt="2021-10-26T20:08:22.801" v="2" actId="6549"/>
      <pc:docMkLst>
        <pc:docMk/>
      </pc:docMkLst>
      <pc:sldChg chg="addSp delSp modSp mod">
        <pc:chgData name="Chadha, Bhuvan" userId="6450ff00-3ef8-43a5-a34e-29148c28b198" providerId="ADAL" clId="{06C4AB35-4236-4A9C-863D-204AA679E058}" dt="2021-10-26T20:08:22.801" v="2" actId="6549"/>
        <pc:sldMkLst>
          <pc:docMk/>
          <pc:sldMk cId="904261193" sldId="2147307529"/>
        </pc:sldMkLst>
        <pc:spChg chg="mod">
          <ac:chgData name="Chadha, Bhuvan" userId="6450ff00-3ef8-43a5-a34e-29148c28b198" providerId="ADAL" clId="{06C4AB35-4236-4A9C-863D-204AA679E058}" dt="2021-10-26T20:08:22.801" v="2" actId="6549"/>
          <ac:spMkLst>
            <pc:docMk/>
            <pc:sldMk cId="904261193" sldId="2147307529"/>
            <ac:spMk id="3" creationId="{BA550FC7-00CA-4128-8E10-93E4DFB5DB0F}"/>
          </ac:spMkLst>
        </pc:spChg>
        <pc:spChg chg="add del">
          <ac:chgData name="Chadha, Bhuvan" userId="6450ff00-3ef8-43a5-a34e-29148c28b198" providerId="ADAL" clId="{06C4AB35-4236-4A9C-863D-204AA679E058}" dt="2021-10-26T20:08:15.454" v="1" actId="478"/>
          <ac:spMkLst>
            <pc:docMk/>
            <pc:sldMk cId="904261193" sldId="2147307529"/>
            <ac:spMk id="394" creationId="{AB63B036-4796-4E8D-9518-D593737907E3}"/>
          </ac:spMkLst>
        </pc:spChg>
      </pc:sldChg>
    </pc:docChg>
  </pc:docChgLst>
  <pc:docChgLst>
    <pc:chgData name="Ajwaliya, Nishit" userId="S::nishit.ajwaliya@us.nationalgrid.com::d6171631-3d08-453d-8afd-2dc62a5026e2" providerId="AD" clId="Web-{554F768D-8A31-9B59-4988-A04123F0DC03}"/>
    <pc:docChg chg="modSld">
      <pc:chgData name="Ajwaliya, Nishit" userId="S::nishit.ajwaliya@us.nationalgrid.com::d6171631-3d08-453d-8afd-2dc62a5026e2" providerId="AD" clId="Web-{554F768D-8A31-9B59-4988-A04123F0DC03}" dt="2021-11-18T00:42:08.147" v="0"/>
      <pc:docMkLst>
        <pc:docMk/>
      </pc:docMkLst>
      <pc:sldChg chg="delSp">
        <pc:chgData name="Ajwaliya, Nishit" userId="S::nishit.ajwaliya@us.nationalgrid.com::d6171631-3d08-453d-8afd-2dc62a5026e2" providerId="AD" clId="Web-{554F768D-8A31-9B59-4988-A04123F0DC03}" dt="2021-11-18T00:42:08.147" v="0"/>
        <pc:sldMkLst>
          <pc:docMk/>
          <pc:sldMk cId="904261193" sldId="2147307529"/>
        </pc:sldMkLst>
        <pc:spChg chg="del">
          <ac:chgData name="Ajwaliya, Nishit" userId="S::nishit.ajwaliya@us.nationalgrid.com::d6171631-3d08-453d-8afd-2dc62a5026e2" providerId="AD" clId="Web-{554F768D-8A31-9B59-4988-A04123F0DC03}" dt="2021-11-18T00:42:08.147" v="0"/>
          <ac:spMkLst>
            <pc:docMk/>
            <pc:sldMk cId="904261193" sldId="2147307529"/>
            <ac:spMk id="412" creationId="{9FB4B426-9B66-40E1-B84E-9E2CBA381570}"/>
          </ac:spMkLst>
        </pc:spChg>
      </pc:sldChg>
    </pc:docChg>
  </pc:docChgLst>
  <pc:docChgLst>
    <pc:chgData name="Ajwaliya, Nishit" userId="S::nishit.ajwaliya@us.nationalgrid.com::d6171631-3d08-453d-8afd-2dc62a5026e2" providerId="AD" clId="Web-{7DF333D4-E500-3571-FA92-4C56300A52E3}"/>
    <pc:docChg chg="modSld">
      <pc:chgData name="Ajwaliya, Nishit" userId="S::nishit.ajwaliya@us.nationalgrid.com::d6171631-3d08-453d-8afd-2dc62a5026e2" providerId="AD" clId="Web-{7DF333D4-E500-3571-FA92-4C56300A52E3}" dt="2021-11-16T00:49:33.359" v="18" actId="20577"/>
      <pc:docMkLst>
        <pc:docMk/>
      </pc:docMkLst>
      <pc:sldChg chg="addSp delSp modSp">
        <pc:chgData name="Ajwaliya, Nishit" userId="S::nishit.ajwaliya@us.nationalgrid.com::d6171631-3d08-453d-8afd-2dc62a5026e2" providerId="AD" clId="Web-{7DF333D4-E500-3571-FA92-4C56300A52E3}" dt="2021-11-16T00:49:20.140" v="17" actId="1076"/>
        <pc:sldMkLst>
          <pc:docMk/>
          <pc:sldMk cId="4091386711" sldId="2147307527"/>
        </pc:sldMkLst>
        <pc:picChg chg="add mod">
          <ac:chgData name="Ajwaliya, Nishit" userId="S::nishit.ajwaliya@us.nationalgrid.com::d6171631-3d08-453d-8afd-2dc62a5026e2" providerId="AD" clId="Web-{7DF333D4-E500-3571-FA92-4C56300A52E3}" dt="2021-11-16T00:49:20.140" v="17" actId="1076"/>
          <ac:picMkLst>
            <pc:docMk/>
            <pc:sldMk cId="4091386711" sldId="2147307527"/>
            <ac:picMk id="3" creationId="{AABAAF30-D88B-436F-9DCF-5033046A86CD}"/>
          </ac:picMkLst>
        </pc:picChg>
        <pc:picChg chg="del">
          <ac:chgData name="Ajwaliya, Nishit" userId="S::nishit.ajwaliya@us.nationalgrid.com::d6171631-3d08-453d-8afd-2dc62a5026e2" providerId="AD" clId="Web-{7DF333D4-E500-3571-FA92-4C56300A52E3}" dt="2021-11-16T00:47:33.137" v="0"/>
          <ac:picMkLst>
            <pc:docMk/>
            <pc:sldMk cId="4091386711" sldId="2147307527"/>
            <ac:picMk id="5" creationId="{2E3FF7E3-7C6D-4917-85E4-DC9BD38E9702}"/>
          </ac:picMkLst>
        </pc:picChg>
      </pc:sldChg>
      <pc:sldChg chg="modSp">
        <pc:chgData name="Ajwaliya, Nishit" userId="S::nishit.ajwaliya@us.nationalgrid.com::d6171631-3d08-453d-8afd-2dc62a5026e2" providerId="AD" clId="Web-{7DF333D4-E500-3571-FA92-4C56300A52E3}" dt="2021-11-16T00:49:33.359" v="18" actId="20577"/>
        <pc:sldMkLst>
          <pc:docMk/>
          <pc:sldMk cId="2312719742" sldId="2147307528"/>
        </pc:sldMkLst>
        <pc:spChg chg="mod">
          <ac:chgData name="Ajwaliya, Nishit" userId="S::nishit.ajwaliya@us.nationalgrid.com::d6171631-3d08-453d-8afd-2dc62a5026e2" providerId="AD" clId="Web-{7DF333D4-E500-3571-FA92-4C56300A52E3}" dt="2021-11-16T00:49:33.359" v="18" actId="20577"/>
          <ac:spMkLst>
            <pc:docMk/>
            <pc:sldMk cId="2312719742" sldId="2147307528"/>
            <ac:spMk id="2" creationId="{65606505-0DE3-4026-B55A-3FA303F48ACA}"/>
          </ac:spMkLst>
        </pc:spChg>
      </pc:sldChg>
      <pc:sldChg chg="addSp delSp modSp">
        <pc:chgData name="Ajwaliya, Nishit" userId="S::nishit.ajwaliya@us.nationalgrid.com::d6171631-3d08-453d-8afd-2dc62a5026e2" providerId="AD" clId="Web-{7DF333D4-E500-3571-FA92-4C56300A52E3}" dt="2021-11-16T00:48:39.326" v="8" actId="14100"/>
        <pc:sldMkLst>
          <pc:docMk/>
          <pc:sldMk cId="1928411725" sldId="2147307530"/>
        </pc:sldMkLst>
        <pc:picChg chg="add mod">
          <ac:chgData name="Ajwaliya, Nishit" userId="S::nishit.ajwaliya@us.nationalgrid.com::d6171631-3d08-453d-8afd-2dc62a5026e2" providerId="AD" clId="Web-{7DF333D4-E500-3571-FA92-4C56300A52E3}" dt="2021-11-16T00:48:39.326" v="8" actId="14100"/>
          <ac:picMkLst>
            <pc:docMk/>
            <pc:sldMk cId="1928411725" sldId="2147307530"/>
            <ac:picMk id="3" creationId="{99ADEB26-0C4E-472E-82F2-F046AEAB21A1}"/>
          </ac:picMkLst>
        </pc:picChg>
        <pc:picChg chg="del">
          <ac:chgData name="Ajwaliya, Nishit" userId="S::nishit.ajwaliya@us.nationalgrid.com::d6171631-3d08-453d-8afd-2dc62a5026e2" providerId="AD" clId="Web-{7DF333D4-E500-3571-FA92-4C56300A52E3}" dt="2021-11-16T00:47:55.669" v="1"/>
          <ac:picMkLst>
            <pc:docMk/>
            <pc:sldMk cId="1928411725" sldId="2147307530"/>
            <ac:picMk id="4" creationId="{494B7A76-3CCC-422E-831A-89F9F317AC82}"/>
          </ac:picMkLst>
        </pc:picChg>
      </pc:sldChg>
    </pc:docChg>
  </pc:docChgLst>
  <pc:docChgLst>
    <pc:chgData name="Chadha, Bhuvan" userId="S::bhuvan.chadha@us.nationalgrid.com::6450ff00-3ef8-43a5-a34e-29148c28b198" providerId="AD" clId="Web-{DF6D0960-0650-8C4D-E8AE-9239B3CEEB50}"/>
    <pc:docChg chg="modSld">
      <pc:chgData name="Chadha, Bhuvan" userId="S::bhuvan.chadha@us.nationalgrid.com::6450ff00-3ef8-43a5-a34e-29148c28b198" providerId="AD" clId="Web-{DF6D0960-0650-8C4D-E8AE-9239B3CEEB50}" dt="2021-11-08T19:56:42.421" v="1"/>
      <pc:docMkLst>
        <pc:docMk/>
      </pc:docMkLst>
      <pc:sldChg chg="delSp modSp">
        <pc:chgData name="Chadha, Bhuvan" userId="S::bhuvan.chadha@us.nationalgrid.com::6450ff00-3ef8-43a5-a34e-29148c28b198" providerId="AD" clId="Web-{DF6D0960-0650-8C4D-E8AE-9239B3CEEB50}" dt="2021-11-08T19:56:42.421" v="1"/>
        <pc:sldMkLst>
          <pc:docMk/>
          <pc:sldMk cId="904261193" sldId="2147307529"/>
        </pc:sldMkLst>
        <pc:spChg chg="del mod">
          <ac:chgData name="Chadha, Bhuvan" userId="S::bhuvan.chadha@us.nationalgrid.com::6450ff00-3ef8-43a5-a34e-29148c28b198" providerId="AD" clId="Web-{DF6D0960-0650-8C4D-E8AE-9239B3CEEB50}" dt="2021-11-08T19:56:42.421" v="1"/>
          <ac:spMkLst>
            <pc:docMk/>
            <pc:sldMk cId="904261193" sldId="2147307529"/>
            <ac:spMk id="3" creationId="{BA550FC7-00CA-4128-8E10-93E4DFB5DB0F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17/11/2021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17/11/2021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D779895-3E67-4CB8-BE0C-23F3FD5FF7F3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108632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370889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920601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1" i="0" u="none" strike="noStrike" kern="0" cap="none" spc="0" normalizeH="0" baseline="0" noProof="0" smtClean="0">
                <a:ln>
                  <a:noFill/>
                </a:ln>
                <a:solidFill>
                  <a:srgbClr val="BBE0E3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6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1" i="0" u="none" strike="noStrike" kern="0" cap="none" spc="0" normalizeH="0" baseline="0" noProof="0">
              <a:ln>
                <a:noFill/>
              </a:ln>
              <a:solidFill>
                <a:srgbClr val="BBE0E3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148261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544706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6481390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951604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emf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2" y="1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6" y="1058864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6" y="2600551"/>
            <a:ext cx="4033839" cy="523220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GB"/>
              <a:t>Name</a:t>
            </a:r>
          </a:p>
          <a:p>
            <a:pPr lvl="1"/>
            <a:r>
              <a:rPr lang="en-GB"/>
              <a:t>Date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10A3F6D8-7E11-4976-9BB3-E8259222C899}"/>
              </a:ext>
            </a:extLst>
          </p:cNvPr>
          <p:cNvGrpSpPr/>
          <p:nvPr userDrawn="1"/>
        </p:nvGrpSpPr>
        <p:grpSpPr>
          <a:xfrm>
            <a:off x="-3176" y="269239"/>
            <a:ext cx="3607808" cy="461960"/>
            <a:chOff x="-4235" y="358985"/>
            <a:chExt cx="2376987" cy="615947"/>
          </a:xfrm>
        </p:grpSpPr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A83DB7C6-C6FD-4919-B2E9-59AD441478B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4235" y="358985"/>
              <a:ext cx="2160000" cy="615947"/>
            </a:xfrm>
            <a:prstGeom prst="rect">
              <a:avLst/>
            </a:prstGeom>
          </p:spPr>
        </p:pic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ADFF238E-7F6C-4E4D-ABDF-95E78500C919}"/>
                </a:ext>
              </a:extLst>
            </p:cNvPr>
            <p:cNvSpPr txBox="1"/>
            <p:nvPr userDrawn="1"/>
          </p:nvSpPr>
          <p:spPr>
            <a:xfrm>
              <a:off x="336233" y="412653"/>
              <a:ext cx="2036519" cy="492443"/>
            </a:xfrm>
            <a:prstGeom prst="rect">
              <a:avLst/>
            </a:prstGeom>
            <a:solidFill>
              <a:srgbClr val="00148C"/>
            </a:solidFill>
          </p:spPr>
          <p:txBody>
            <a:bodyPr wrap="square" rtlCol="0">
              <a:spAutoFit/>
            </a:bodyPr>
            <a:lstStyle/>
            <a:p>
              <a:pPr marL="0" marR="0" lvl="0" indent="0" defTabSz="68578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GB" sz="1800">
                  <a:solidFill>
                    <a:schemeClr val="bg1"/>
                  </a:solidFill>
                </a:rPr>
                <a:t>Customer Data Platform</a:t>
              </a: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3957428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6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  <p:sldLayoutId id="2147483818" r:id="rId14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12.jpeg"/><Relationship Id="rId4" Type="http://schemas.openxmlformats.org/officeDocument/2006/relationships/image" Target="../media/image11.jpe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image" Target="../media/image14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notesSlide" Target="../notesSlides/notesSlide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itle 23">
            <a:extLst>
              <a:ext uri="{FF2B5EF4-FFF2-40B4-BE49-F238E27FC236}">
                <a16:creationId xmlns:a16="http://schemas.microsoft.com/office/drawing/2014/main" id="{D11F48BE-96B2-4B10-82E2-0149C7A901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2095" y="1303270"/>
            <a:ext cx="4647634" cy="868039"/>
          </a:xfrm>
        </p:spPr>
        <p:txBody>
          <a:bodyPr/>
          <a:lstStyle/>
          <a:p>
            <a:r>
              <a:rPr lang="en-GB" sz="2400"/>
              <a:t>US Customer</a:t>
            </a:r>
            <a:r>
              <a:rPr lang="en-GB" sz="2400" baseline="0"/>
              <a:t> </a:t>
            </a:r>
            <a:r>
              <a:rPr lang="en-GB" sz="2400"/>
              <a:t>Golden Record</a:t>
            </a:r>
            <a:endParaRPr lang="en-GB"/>
          </a:p>
        </p:txBody>
      </p:sp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74E4277B-3BB9-6144-9D49-BF4DF54AADCC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 rotWithShape="1">
          <a:blip r:embed="rId3"/>
          <a:srcRect t="1891" b="23109"/>
          <a:stretch/>
        </p:blipFill>
        <p:spPr/>
      </p:pic>
      <p:pic>
        <p:nvPicPr>
          <p:cNvPr id="8" name="Picture Placeholder 7">
            <a:extLst>
              <a:ext uri="{FF2B5EF4-FFF2-40B4-BE49-F238E27FC236}">
                <a16:creationId xmlns:a16="http://schemas.microsoft.com/office/drawing/2014/main" id="{15EA85F1-F52C-9E4C-B748-D492768EA85E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4"/>
          <a:srcRect t="47573" b="19115"/>
          <a:stretch/>
        </p:blipFill>
        <p:spPr/>
      </p:pic>
      <p:pic>
        <p:nvPicPr>
          <p:cNvPr id="15" name="Picture Placeholder 14">
            <a:extLst>
              <a:ext uri="{FF2B5EF4-FFF2-40B4-BE49-F238E27FC236}">
                <a16:creationId xmlns:a16="http://schemas.microsoft.com/office/drawing/2014/main" id="{06FCABBD-1FEA-CE47-B19A-510D0528C0B2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5"/>
          <a:srcRect l="22197" r="11490"/>
          <a:stretch/>
        </p:blipFill>
        <p:spPr/>
      </p:pic>
    </p:spTree>
    <p:extLst>
      <p:ext uri="{BB962C8B-B14F-4D97-AF65-F5344CB8AC3E}">
        <p14:creationId xmlns:p14="http://schemas.microsoft.com/office/powerpoint/2010/main" val="34098717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101693CD-F7CB-4884-A518-253D19D5F653}"/>
              </a:ext>
            </a:extLst>
          </p:cNvPr>
          <p:cNvSpPr txBox="1">
            <a:spLocks/>
          </p:cNvSpPr>
          <p:nvPr/>
        </p:nvSpPr>
        <p:spPr bwMode="auto">
          <a:xfrm>
            <a:off x="533400" y="121630"/>
            <a:ext cx="8264051" cy="3162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5pPr>
            <a:lvl6pPr marL="457131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6pPr>
            <a:lvl7pPr marL="914264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7pPr>
            <a:lvl8pPr marL="1371396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8pPr>
            <a:lvl9pPr marL="1828528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9pPr>
          </a:lstStyle>
          <a:p>
            <a:r>
              <a:rPr lang="en-GB" sz="2100"/>
              <a:t>Golden Record 101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DA947A8-BD8E-49CA-92F5-5B7AD1170E03}"/>
              </a:ext>
            </a:extLst>
          </p:cNvPr>
          <p:cNvSpPr txBox="1"/>
          <p:nvPr/>
        </p:nvSpPr>
        <p:spPr bwMode="auto">
          <a:xfrm>
            <a:off x="165123" y="508913"/>
            <a:ext cx="8297009" cy="4154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450"/>
              </a:spcAft>
            </a:pPr>
            <a:r>
              <a:rPr lang="en-GB" sz="1350"/>
              <a:t>A Golden Master Record is the most </a:t>
            </a:r>
            <a:r>
              <a:rPr lang="en-GB" sz="1350">
                <a:solidFill>
                  <a:srgbClr val="0000FF"/>
                </a:solidFill>
              </a:rPr>
              <a:t>accurate, complete </a:t>
            </a:r>
            <a:r>
              <a:rPr lang="en-GB" sz="1350"/>
              <a:t>and</a:t>
            </a:r>
            <a:r>
              <a:rPr lang="en-GB" sz="1350">
                <a:solidFill>
                  <a:srgbClr val="0000FF"/>
                </a:solidFill>
              </a:rPr>
              <a:t> comprehensive </a:t>
            </a:r>
            <a:r>
              <a:rPr lang="en-GB" sz="1350"/>
              <a:t>representation of a master data asset – for the current scope, a </a:t>
            </a:r>
            <a:r>
              <a:rPr lang="en-GB" sz="1350">
                <a:solidFill>
                  <a:srgbClr val="0000FF"/>
                </a:solidFill>
              </a:rPr>
              <a:t>Customer</a:t>
            </a:r>
            <a:r>
              <a:rPr lang="en-GB" sz="1350"/>
              <a:t>.</a:t>
            </a:r>
            <a:endParaRPr lang="en-GB" sz="1350" b="0">
              <a:solidFill>
                <a:schemeClr val="tx1"/>
              </a:solidFill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90BD7A11-CCC6-4C5C-8C76-2AD6197181B8}"/>
              </a:ext>
            </a:extLst>
          </p:cNvPr>
          <p:cNvSpPr txBox="1"/>
          <p:nvPr/>
        </p:nvSpPr>
        <p:spPr bwMode="auto">
          <a:xfrm>
            <a:off x="294368" y="995420"/>
            <a:ext cx="8742113" cy="3672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375"/>
              </a:spcAft>
            </a:pPr>
            <a:r>
              <a:rPr lang="en-GB" sz="1200"/>
              <a:t>Why do we need a Golden Record?</a:t>
            </a: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Golden Profile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List of attributes (or fields) that define a Customer uniquely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rgbClr val="55555A"/>
                </a:solidFill>
                <a:latin typeface="Arial"/>
                <a:ea typeface="ＭＳ Ｐゴシック"/>
                <a:cs typeface="+mn-cs"/>
              </a:rPr>
              <a:t>Have a comprehensive, unambiguous, reliable, and up-to-date view of a Customer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Match &amp; Merge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To resolve conflict if different pieces of information are present in different applications for the same worker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If a single application does not offer all the necessary attributes, define merge rules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Compatibility and Accessibility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To ensure the data integration services include the ‘right’ set of data elements to share with internal &amp; external applications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Provide easy data access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rgbClr val="55555A"/>
                </a:solidFill>
                <a:latin typeface="Arial"/>
                <a:ea typeface="ＭＳ Ｐゴシック"/>
                <a:cs typeface="+mn-cs"/>
              </a:rPr>
              <a:t>Enable reliable reporting &amp; data visualisation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Single workforce view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avoid duplicates and ensure we have a </a:t>
            </a:r>
            <a:r>
              <a:rPr lang="en-GB" sz="1200">
                <a:solidFill>
                  <a:srgbClr val="55555A"/>
                </a:solidFill>
                <a:latin typeface="Arial"/>
                <a:ea typeface="ＭＳ Ｐゴシック"/>
                <a:cs typeface="+mn-cs"/>
              </a:rPr>
              <a:t>comprehensive, unambiguous </a:t>
            </a:r>
            <a:r>
              <a:rPr lang="en-GB" sz="1200"/>
              <a:t>single version of truth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Enhanced Security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Minimise risk of data breach due to information access for workers who are no longer part of the organisation</a:t>
            </a:r>
            <a:endParaRPr lang="en-GB" sz="1200"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91106461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900"/>
              <a:t>US Customer Golden Master Record </a:t>
            </a:r>
            <a:endParaRPr lang="en-GB" sz="1900" b="0"/>
          </a:p>
        </p:txBody>
      </p:sp>
      <p:sp>
        <p:nvSpPr>
          <p:cNvPr id="277" name="Rectangle: Rounded Corners 8">
            <a:extLst>
              <a:ext uri="{FF2B5EF4-FFF2-40B4-BE49-F238E27FC236}">
                <a16:creationId xmlns:a16="http://schemas.microsoft.com/office/drawing/2014/main" id="{D4B03156-096D-4FE5-9916-A00C847AA881}"/>
              </a:ext>
            </a:extLst>
          </p:cNvPr>
          <p:cNvSpPr/>
          <p:nvPr/>
        </p:nvSpPr>
        <p:spPr>
          <a:xfrm>
            <a:off x="3226804" y="696253"/>
            <a:ext cx="2651670" cy="2663121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>
              <a:spcAft>
                <a:spcPts val="450"/>
              </a:spcAft>
            </a:pPr>
            <a:endParaRPr lang="en-GB" sz="1000" b="1" kern="0">
              <a:solidFill>
                <a:srgbClr val="FFFFFF"/>
              </a:solidFill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278" name="Rectangle 9">
            <a:extLst>
              <a:ext uri="{FF2B5EF4-FFF2-40B4-BE49-F238E27FC236}">
                <a16:creationId xmlns:a16="http://schemas.microsoft.com/office/drawing/2014/main" id="{459DEE68-A6A4-424E-9476-282EF0FE2C2D}"/>
              </a:ext>
            </a:extLst>
          </p:cNvPr>
          <p:cNvSpPr/>
          <p:nvPr/>
        </p:nvSpPr>
        <p:spPr>
          <a:xfrm>
            <a:off x="3752346" y="550889"/>
            <a:ext cx="1588162" cy="297247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Customer</a:t>
            </a:r>
          </a:p>
        </p:txBody>
      </p:sp>
      <p:sp>
        <p:nvSpPr>
          <p:cNvPr id="279" name="Rectangle: Rounded Corners 10">
            <a:extLst>
              <a:ext uri="{FF2B5EF4-FFF2-40B4-BE49-F238E27FC236}">
                <a16:creationId xmlns:a16="http://schemas.microsoft.com/office/drawing/2014/main" id="{DBFF95B2-3CA5-4316-B865-091BCE891D83}"/>
              </a:ext>
            </a:extLst>
          </p:cNvPr>
          <p:cNvSpPr/>
          <p:nvPr/>
        </p:nvSpPr>
        <p:spPr>
          <a:xfrm>
            <a:off x="3293921" y="933769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Enterprise Customer Identifier</a:t>
            </a: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280" name="Rectangle: Rounded Corners 11">
            <a:extLst>
              <a:ext uri="{FF2B5EF4-FFF2-40B4-BE49-F238E27FC236}">
                <a16:creationId xmlns:a16="http://schemas.microsoft.com/office/drawing/2014/main" id="{07CA9DFF-049B-4103-A784-4D8914EDF69B}"/>
              </a:ext>
            </a:extLst>
          </p:cNvPr>
          <p:cNvSpPr/>
          <p:nvPr/>
        </p:nvSpPr>
        <p:spPr>
          <a:xfrm>
            <a:off x="4574109" y="1252928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First Name</a:t>
            </a:r>
          </a:p>
        </p:txBody>
      </p:sp>
      <p:sp>
        <p:nvSpPr>
          <p:cNvPr id="282" name="Rectangle: Rounded Corners 18">
            <a:extLst>
              <a:ext uri="{FF2B5EF4-FFF2-40B4-BE49-F238E27FC236}">
                <a16:creationId xmlns:a16="http://schemas.microsoft.com/office/drawing/2014/main" id="{49748139-A290-4105-97F8-C6BB41311301}"/>
              </a:ext>
            </a:extLst>
          </p:cNvPr>
          <p:cNvSpPr/>
          <p:nvPr/>
        </p:nvSpPr>
        <p:spPr>
          <a:xfrm>
            <a:off x="3286833" y="1257749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Date Of Birth</a:t>
            </a:r>
          </a:p>
        </p:txBody>
      </p:sp>
      <p:sp>
        <p:nvSpPr>
          <p:cNvPr id="310" name="Rectangle: Rounded Corners 19">
            <a:extLst>
              <a:ext uri="{FF2B5EF4-FFF2-40B4-BE49-F238E27FC236}">
                <a16:creationId xmlns:a16="http://schemas.microsoft.com/office/drawing/2014/main" id="{58085F00-1194-4882-8B91-6BCA3C408670}"/>
              </a:ext>
            </a:extLst>
          </p:cNvPr>
          <p:cNvSpPr/>
          <p:nvPr/>
        </p:nvSpPr>
        <p:spPr>
          <a:xfrm>
            <a:off x="6041919" y="684775"/>
            <a:ext cx="2651670" cy="928721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12" name="Rectangle: Rounded Corners 23">
            <a:extLst>
              <a:ext uri="{FF2B5EF4-FFF2-40B4-BE49-F238E27FC236}">
                <a16:creationId xmlns:a16="http://schemas.microsoft.com/office/drawing/2014/main" id="{76913871-16D9-4413-9045-DC0029C0EB1B}"/>
              </a:ext>
            </a:extLst>
          </p:cNvPr>
          <p:cNvSpPr/>
          <p:nvPr/>
        </p:nvSpPr>
        <p:spPr>
          <a:xfrm>
            <a:off x="6111539" y="931802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RIS Source Identifier</a:t>
            </a:r>
          </a:p>
        </p:txBody>
      </p:sp>
      <p:sp>
        <p:nvSpPr>
          <p:cNvPr id="314" name="Rectangle: Rounded Corners 28">
            <a:extLst>
              <a:ext uri="{FF2B5EF4-FFF2-40B4-BE49-F238E27FC236}">
                <a16:creationId xmlns:a16="http://schemas.microsoft.com/office/drawing/2014/main" id="{F0198DAC-46D2-431D-BE04-C477DC819B8D}"/>
              </a:ext>
            </a:extLst>
          </p:cNvPr>
          <p:cNvSpPr/>
          <p:nvPr/>
        </p:nvSpPr>
        <p:spPr>
          <a:xfrm>
            <a:off x="7409720" y="934331"/>
            <a:ext cx="1213880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SS Source Identifier</a:t>
            </a:r>
          </a:p>
        </p:txBody>
      </p:sp>
      <p:sp>
        <p:nvSpPr>
          <p:cNvPr id="315" name="Rectangle: Rounded Corners 32">
            <a:extLst>
              <a:ext uri="{FF2B5EF4-FFF2-40B4-BE49-F238E27FC236}">
                <a16:creationId xmlns:a16="http://schemas.microsoft.com/office/drawing/2014/main" id="{CA5143F8-C648-4971-B0DE-F85E22ED3C4F}"/>
              </a:ext>
            </a:extLst>
          </p:cNvPr>
          <p:cNvSpPr/>
          <p:nvPr/>
        </p:nvSpPr>
        <p:spPr>
          <a:xfrm>
            <a:off x="410556" y="696880"/>
            <a:ext cx="2604719" cy="1049422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16" name="Rectangle 33">
            <a:extLst>
              <a:ext uri="{FF2B5EF4-FFF2-40B4-BE49-F238E27FC236}">
                <a16:creationId xmlns:a16="http://schemas.microsoft.com/office/drawing/2014/main" id="{ACD590B6-8A4A-4561-A103-8D2E2C776C9A}"/>
              </a:ext>
            </a:extLst>
          </p:cNvPr>
          <p:cNvSpPr/>
          <p:nvPr/>
        </p:nvSpPr>
        <p:spPr>
          <a:xfrm>
            <a:off x="989971" y="583237"/>
            <a:ext cx="1461991" cy="28780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 dirty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Billing Account</a:t>
            </a:r>
          </a:p>
        </p:txBody>
      </p:sp>
      <p:sp>
        <p:nvSpPr>
          <p:cNvPr id="318" name="Rectangle: Rounded Corners 42">
            <a:extLst>
              <a:ext uri="{FF2B5EF4-FFF2-40B4-BE49-F238E27FC236}">
                <a16:creationId xmlns:a16="http://schemas.microsoft.com/office/drawing/2014/main" id="{0736E9F1-147E-4B48-8652-95E0A52B7BBC}"/>
              </a:ext>
            </a:extLst>
          </p:cNvPr>
          <p:cNvSpPr/>
          <p:nvPr/>
        </p:nvSpPr>
        <p:spPr>
          <a:xfrm>
            <a:off x="461874" y="952101"/>
            <a:ext cx="1213088" cy="29983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 dirty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Billing Account Identifier</a:t>
            </a:r>
          </a:p>
        </p:txBody>
      </p:sp>
      <p:sp>
        <p:nvSpPr>
          <p:cNvPr id="319" name="Rectangle: Rounded Corners 44">
            <a:extLst>
              <a:ext uri="{FF2B5EF4-FFF2-40B4-BE49-F238E27FC236}">
                <a16:creationId xmlns:a16="http://schemas.microsoft.com/office/drawing/2014/main" id="{900C921F-3A0A-4357-900F-DF5B23D7644B}"/>
              </a:ext>
            </a:extLst>
          </p:cNvPr>
          <p:cNvSpPr/>
          <p:nvPr/>
        </p:nvSpPr>
        <p:spPr>
          <a:xfrm>
            <a:off x="1764804" y="943024"/>
            <a:ext cx="1213088" cy="299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dirty="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Account Status</a:t>
            </a:r>
            <a:endParaRPr lang="en-GB" sz="1000" b="0" i="0" u="none" strike="noStrike" kern="0" cap="none" spc="0" baseline="0" dirty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29" name="Rectangle: Rounded Corners 18">
            <a:extLst>
              <a:ext uri="{FF2B5EF4-FFF2-40B4-BE49-F238E27FC236}">
                <a16:creationId xmlns:a16="http://schemas.microsoft.com/office/drawing/2014/main" id="{48B508C1-7E2C-40A8-AFFD-D5E1B80C6B7E}"/>
              </a:ext>
            </a:extLst>
          </p:cNvPr>
          <p:cNvSpPr/>
          <p:nvPr/>
        </p:nvSpPr>
        <p:spPr>
          <a:xfrm>
            <a:off x="4568036" y="939460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SSN/TIN</a:t>
            </a:r>
          </a:p>
        </p:txBody>
      </p:sp>
      <p:sp>
        <p:nvSpPr>
          <p:cNvPr id="330" name="Rectangle 20">
            <a:extLst>
              <a:ext uri="{FF2B5EF4-FFF2-40B4-BE49-F238E27FC236}">
                <a16:creationId xmlns:a16="http://schemas.microsoft.com/office/drawing/2014/main" id="{517FAB0E-0F58-4FEA-80ED-786E370BEA7C}"/>
              </a:ext>
            </a:extLst>
          </p:cNvPr>
          <p:cNvSpPr/>
          <p:nvPr/>
        </p:nvSpPr>
        <p:spPr>
          <a:xfrm>
            <a:off x="2874690" y="4595083"/>
            <a:ext cx="1308406" cy="310753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Entity in Scope for MVP1 Scope</a:t>
            </a:r>
          </a:p>
        </p:txBody>
      </p:sp>
      <p:sp>
        <p:nvSpPr>
          <p:cNvPr id="351" name="Rectangle: Rounded Corners 25">
            <a:extLst>
              <a:ext uri="{FF2B5EF4-FFF2-40B4-BE49-F238E27FC236}">
                <a16:creationId xmlns:a16="http://schemas.microsoft.com/office/drawing/2014/main" id="{8ADC5671-CE07-4FCB-A778-26173EA4D013}"/>
              </a:ext>
            </a:extLst>
          </p:cNvPr>
          <p:cNvSpPr/>
          <p:nvPr/>
        </p:nvSpPr>
        <p:spPr>
          <a:xfrm>
            <a:off x="4588058" y="2236704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Customer Status</a:t>
            </a:r>
          </a:p>
        </p:txBody>
      </p:sp>
      <p:sp>
        <p:nvSpPr>
          <p:cNvPr id="352" name="Rectangle: Rounded Corners 32">
            <a:extLst>
              <a:ext uri="{FF2B5EF4-FFF2-40B4-BE49-F238E27FC236}">
                <a16:creationId xmlns:a16="http://schemas.microsoft.com/office/drawing/2014/main" id="{7DDFFA79-F76D-4823-AEC6-E2355DBA5CB4}"/>
              </a:ext>
            </a:extLst>
          </p:cNvPr>
          <p:cNvSpPr/>
          <p:nvPr/>
        </p:nvSpPr>
        <p:spPr>
          <a:xfrm>
            <a:off x="3293190" y="2566473"/>
            <a:ext cx="1238152" cy="29172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 dirty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ompany Business Name (DBA)</a:t>
            </a:r>
          </a:p>
        </p:txBody>
      </p:sp>
      <p:sp>
        <p:nvSpPr>
          <p:cNvPr id="359" name="Rectangle: Rounded Corners 11">
            <a:extLst>
              <a:ext uri="{FF2B5EF4-FFF2-40B4-BE49-F238E27FC236}">
                <a16:creationId xmlns:a16="http://schemas.microsoft.com/office/drawing/2014/main" id="{D91A8FEB-06FE-4044-B8FF-756FD227EBA5}"/>
              </a:ext>
            </a:extLst>
          </p:cNvPr>
          <p:cNvSpPr/>
          <p:nvPr/>
        </p:nvSpPr>
        <p:spPr>
          <a:xfrm>
            <a:off x="4583509" y="2558742"/>
            <a:ext cx="1235840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Company Legal Name</a:t>
            </a:r>
          </a:p>
        </p:txBody>
      </p:sp>
      <p:sp>
        <p:nvSpPr>
          <p:cNvPr id="363" name="Rectangle: Rounded Corners 19">
            <a:extLst>
              <a:ext uri="{FF2B5EF4-FFF2-40B4-BE49-F238E27FC236}">
                <a16:creationId xmlns:a16="http://schemas.microsoft.com/office/drawing/2014/main" id="{4876B329-05EA-45D5-B4AC-526D938C001A}"/>
              </a:ext>
            </a:extLst>
          </p:cNvPr>
          <p:cNvSpPr/>
          <p:nvPr/>
        </p:nvSpPr>
        <p:spPr>
          <a:xfrm>
            <a:off x="411689" y="2980775"/>
            <a:ext cx="2651670" cy="1247624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64" name="Rectangle 20">
            <a:extLst>
              <a:ext uri="{FF2B5EF4-FFF2-40B4-BE49-F238E27FC236}">
                <a16:creationId xmlns:a16="http://schemas.microsoft.com/office/drawing/2014/main" id="{D720271D-A9A5-4B5C-BEBA-624AC2C14978}"/>
              </a:ext>
            </a:extLst>
          </p:cNvPr>
          <p:cNvSpPr/>
          <p:nvPr/>
        </p:nvSpPr>
        <p:spPr>
          <a:xfrm>
            <a:off x="1303180" y="2865974"/>
            <a:ext cx="829360" cy="303830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 dirty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Location</a:t>
            </a:r>
          </a:p>
        </p:txBody>
      </p:sp>
      <p:sp>
        <p:nvSpPr>
          <p:cNvPr id="365" name="Rectangle: Rounded Corners 23">
            <a:extLst>
              <a:ext uri="{FF2B5EF4-FFF2-40B4-BE49-F238E27FC236}">
                <a16:creationId xmlns:a16="http://schemas.microsoft.com/office/drawing/2014/main" id="{D502F2CC-EC96-4A14-9161-3EB97D4F993C}"/>
              </a:ext>
            </a:extLst>
          </p:cNvPr>
          <p:cNvSpPr/>
          <p:nvPr/>
        </p:nvSpPr>
        <p:spPr>
          <a:xfrm>
            <a:off x="474220" y="3557595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Address Line 2</a:t>
            </a:r>
          </a:p>
        </p:txBody>
      </p:sp>
      <p:sp>
        <p:nvSpPr>
          <p:cNvPr id="366" name="Rectangle: Rounded Corners 28">
            <a:extLst>
              <a:ext uri="{FF2B5EF4-FFF2-40B4-BE49-F238E27FC236}">
                <a16:creationId xmlns:a16="http://schemas.microsoft.com/office/drawing/2014/main" id="{6A16A5F7-E370-4891-B8DF-4FBC312DDB9D}"/>
              </a:ext>
            </a:extLst>
          </p:cNvPr>
          <p:cNvSpPr/>
          <p:nvPr/>
        </p:nvSpPr>
        <p:spPr>
          <a:xfrm>
            <a:off x="1755218" y="3220499"/>
            <a:ext cx="1238152" cy="30383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Address Line 1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80" name="Rectangle: Rounded Corners 11">
            <a:extLst>
              <a:ext uri="{FF2B5EF4-FFF2-40B4-BE49-F238E27FC236}">
                <a16:creationId xmlns:a16="http://schemas.microsoft.com/office/drawing/2014/main" id="{9C50EDC6-738A-4065-B233-ECBAF5BB58CE}"/>
              </a:ext>
            </a:extLst>
          </p:cNvPr>
          <p:cNvSpPr/>
          <p:nvPr/>
        </p:nvSpPr>
        <p:spPr>
          <a:xfrm>
            <a:off x="4576280" y="1585050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Middle Name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81" name="Rectangle: Rounded Corners 18">
            <a:extLst>
              <a:ext uri="{FF2B5EF4-FFF2-40B4-BE49-F238E27FC236}">
                <a16:creationId xmlns:a16="http://schemas.microsoft.com/office/drawing/2014/main" id="{D9CC935F-DD59-4CB5-9D4F-146D521B946F}"/>
              </a:ext>
            </a:extLst>
          </p:cNvPr>
          <p:cNvSpPr/>
          <p:nvPr/>
        </p:nvSpPr>
        <p:spPr>
          <a:xfrm>
            <a:off x="3279172" y="1589871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Last Name</a:t>
            </a:r>
          </a:p>
        </p:txBody>
      </p:sp>
      <p:sp>
        <p:nvSpPr>
          <p:cNvPr id="383" name="Rectangle 9">
            <a:extLst>
              <a:ext uri="{FF2B5EF4-FFF2-40B4-BE49-F238E27FC236}">
                <a16:creationId xmlns:a16="http://schemas.microsoft.com/office/drawing/2014/main" id="{C3D22962-2470-44A3-BC39-3C523527553B}"/>
              </a:ext>
            </a:extLst>
          </p:cNvPr>
          <p:cNvSpPr/>
          <p:nvPr/>
        </p:nvSpPr>
        <p:spPr>
          <a:xfrm>
            <a:off x="6723521" y="536506"/>
            <a:ext cx="1316838" cy="30382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 dirty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Other Identifiers</a:t>
            </a:r>
          </a:p>
        </p:txBody>
      </p:sp>
      <p:sp>
        <p:nvSpPr>
          <p:cNvPr id="384" name="Rectangle: Rounded Corners 23">
            <a:extLst>
              <a:ext uri="{FF2B5EF4-FFF2-40B4-BE49-F238E27FC236}">
                <a16:creationId xmlns:a16="http://schemas.microsoft.com/office/drawing/2014/main" id="{BEFA452C-1C16-453B-A163-6AEF207A7965}"/>
              </a:ext>
            </a:extLst>
          </p:cNvPr>
          <p:cNvSpPr/>
          <p:nvPr/>
        </p:nvSpPr>
        <p:spPr>
          <a:xfrm>
            <a:off x="6709925" y="1277531"/>
            <a:ext cx="1216549" cy="29231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Other Identifiers</a:t>
            </a:r>
          </a:p>
        </p:txBody>
      </p:sp>
      <p:sp>
        <p:nvSpPr>
          <p:cNvPr id="385" name="Rectangle: Rounded Corners 28">
            <a:extLst>
              <a:ext uri="{FF2B5EF4-FFF2-40B4-BE49-F238E27FC236}">
                <a16:creationId xmlns:a16="http://schemas.microsoft.com/office/drawing/2014/main" id="{2CE365CA-39B7-40D5-8CD8-25E3873945E0}"/>
              </a:ext>
            </a:extLst>
          </p:cNvPr>
          <p:cNvSpPr/>
          <p:nvPr/>
        </p:nvSpPr>
        <p:spPr>
          <a:xfrm>
            <a:off x="479825" y="3211719"/>
            <a:ext cx="1238152" cy="30383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Address Type – Bill Service etc</a:t>
            </a:r>
          </a:p>
        </p:txBody>
      </p:sp>
      <p:sp>
        <p:nvSpPr>
          <p:cNvPr id="386" name="Rectangle: Rounded Corners 32">
            <a:extLst>
              <a:ext uri="{FF2B5EF4-FFF2-40B4-BE49-F238E27FC236}">
                <a16:creationId xmlns:a16="http://schemas.microsoft.com/office/drawing/2014/main" id="{2026660D-A8E1-4F16-8F9D-12EFF89A5A3D}"/>
              </a:ext>
            </a:extLst>
          </p:cNvPr>
          <p:cNvSpPr/>
          <p:nvPr/>
        </p:nvSpPr>
        <p:spPr>
          <a:xfrm>
            <a:off x="3245861" y="3551120"/>
            <a:ext cx="2628531" cy="665561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87" name="Rectangle 33">
            <a:extLst>
              <a:ext uri="{FF2B5EF4-FFF2-40B4-BE49-F238E27FC236}">
                <a16:creationId xmlns:a16="http://schemas.microsoft.com/office/drawing/2014/main" id="{5EEF1CC1-B0AB-4421-A197-E14269DBF517}"/>
              </a:ext>
            </a:extLst>
          </p:cNvPr>
          <p:cNvSpPr/>
          <p:nvPr/>
        </p:nvSpPr>
        <p:spPr>
          <a:xfrm>
            <a:off x="3833213" y="3437478"/>
            <a:ext cx="1461991" cy="28780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Customer Contact</a:t>
            </a:r>
          </a:p>
        </p:txBody>
      </p:sp>
      <p:sp>
        <p:nvSpPr>
          <p:cNvPr id="389" name="Rectangle: Rounded Corners 44">
            <a:extLst>
              <a:ext uri="{FF2B5EF4-FFF2-40B4-BE49-F238E27FC236}">
                <a16:creationId xmlns:a16="http://schemas.microsoft.com/office/drawing/2014/main" id="{F1805853-1CBF-4D1A-8322-8ED7983914D5}"/>
              </a:ext>
            </a:extLst>
          </p:cNvPr>
          <p:cNvSpPr/>
          <p:nvPr/>
        </p:nvSpPr>
        <p:spPr>
          <a:xfrm>
            <a:off x="3301288" y="3784864"/>
            <a:ext cx="1213088" cy="299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Phone Numbers –  Home, Cell, Work </a:t>
            </a:r>
          </a:p>
        </p:txBody>
      </p:sp>
      <p:sp>
        <p:nvSpPr>
          <p:cNvPr id="391" name="Rectangle: Rounded Corners 44">
            <a:extLst>
              <a:ext uri="{FF2B5EF4-FFF2-40B4-BE49-F238E27FC236}">
                <a16:creationId xmlns:a16="http://schemas.microsoft.com/office/drawing/2014/main" id="{FB5FC998-CEAD-4F60-96E0-784E182EF815}"/>
              </a:ext>
            </a:extLst>
          </p:cNvPr>
          <p:cNvSpPr/>
          <p:nvPr/>
        </p:nvSpPr>
        <p:spPr>
          <a:xfrm>
            <a:off x="4558532" y="3784864"/>
            <a:ext cx="1213088" cy="299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mail Addresses</a:t>
            </a:r>
          </a:p>
        </p:txBody>
      </p:sp>
      <p:sp>
        <p:nvSpPr>
          <p:cNvPr id="393" name="Rectangle: Rounded Corners 25">
            <a:extLst>
              <a:ext uri="{FF2B5EF4-FFF2-40B4-BE49-F238E27FC236}">
                <a16:creationId xmlns:a16="http://schemas.microsoft.com/office/drawing/2014/main" id="{05FE88C3-71FE-4293-A588-0B7E5BB10E43}"/>
              </a:ext>
            </a:extLst>
          </p:cNvPr>
          <p:cNvSpPr/>
          <p:nvPr/>
        </p:nvSpPr>
        <p:spPr>
          <a:xfrm>
            <a:off x="3300278" y="2232607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Full Name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95" name="Rectangle: Rounded Corners 32">
            <a:extLst>
              <a:ext uri="{FF2B5EF4-FFF2-40B4-BE49-F238E27FC236}">
                <a16:creationId xmlns:a16="http://schemas.microsoft.com/office/drawing/2014/main" id="{355A9322-4F1E-4EE9-B2AE-672A2D72FF02}"/>
              </a:ext>
            </a:extLst>
          </p:cNvPr>
          <p:cNvSpPr/>
          <p:nvPr/>
        </p:nvSpPr>
        <p:spPr>
          <a:xfrm>
            <a:off x="6060976" y="2330456"/>
            <a:ext cx="2628531" cy="1925841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96" name="Rectangle 33">
            <a:extLst>
              <a:ext uri="{FF2B5EF4-FFF2-40B4-BE49-F238E27FC236}">
                <a16:creationId xmlns:a16="http://schemas.microsoft.com/office/drawing/2014/main" id="{28A1A175-766C-4059-BEF9-6F60B164170B}"/>
              </a:ext>
            </a:extLst>
          </p:cNvPr>
          <p:cNvSpPr/>
          <p:nvPr/>
        </p:nvSpPr>
        <p:spPr>
          <a:xfrm>
            <a:off x="6322830" y="2207739"/>
            <a:ext cx="2172815" cy="287809"/>
          </a:xfrm>
          <a:prstGeom prst="rect">
            <a:avLst/>
          </a:prstGeom>
          <a:solidFill>
            <a:schemeClr val="bg1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Next MVP Master Data Scope</a:t>
            </a:r>
          </a:p>
        </p:txBody>
      </p:sp>
      <p:sp>
        <p:nvSpPr>
          <p:cNvPr id="405" name="Rectangle: Rounded Corners 42">
            <a:extLst>
              <a:ext uri="{FF2B5EF4-FFF2-40B4-BE49-F238E27FC236}">
                <a16:creationId xmlns:a16="http://schemas.microsoft.com/office/drawing/2014/main" id="{7FB597E5-520D-4A1E-B8EF-2A59BDE6806A}"/>
              </a:ext>
            </a:extLst>
          </p:cNvPr>
          <p:cNvSpPr/>
          <p:nvPr/>
        </p:nvSpPr>
        <p:spPr>
          <a:xfrm>
            <a:off x="461874" y="1308362"/>
            <a:ext cx="1213088" cy="29983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ffective/Start Date</a:t>
            </a:r>
          </a:p>
        </p:txBody>
      </p:sp>
      <p:sp>
        <p:nvSpPr>
          <p:cNvPr id="406" name="Rectangle: Rounded Corners 42">
            <a:extLst>
              <a:ext uri="{FF2B5EF4-FFF2-40B4-BE49-F238E27FC236}">
                <a16:creationId xmlns:a16="http://schemas.microsoft.com/office/drawing/2014/main" id="{C66D3777-A34F-4134-9CBD-5370C66925D3}"/>
              </a:ext>
            </a:extLst>
          </p:cNvPr>
          <p:cNvSpPr/>
          <p:nvPr/>
        </p:nvSpPr>
        <p:spPr>
          <a:xfrm>
            <a:off x="1758877" y="1310217"/>
            <a:ext cx="1213088" cy="29983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Termination/End Date</a:t>
            </a:r>
          </a:p>
        </p:txBody>
      </p:sp>
      <p:sp>
        <p:nvSpPr>
          <p:cNvPr id="416" name="Rectangle: Rounded Corners 23">
            <a:extLst>
              <a:ext uri="{FF2B5EF4-FFF2-40B4-BE49-F238E27FC236}">
                <a16:creationId xmlns:a16="http://schemas.microsoft.com/office/drawing/2014/main" id="{A52479B3-1B20-4765-BE4D-A94A64ACFCB5}"/>
              </a:ext>
            </a:extLst>
          </p:cNvPr>
          <p:cNvSpPr/>
          <p:nvPr/>
        </p:nvSpPr>
        <p:spPr>
          <a:xfrm>
            <a:off x="1764539" y="3567628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City</a:t>
            </a:r>
            <a:endParaRPr lang="en-GB" sz="10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17" name="Rectangle: Rounded Corners 23">
            <a:extLst>
              <a:ext uri="{FF2B5EF4-FFF2-40B4-BE49-F238E27FC236}">
                <a16:creationId xmlns:a16="http://schemas.microsoft.com/office/drawing/2014/main" id="{4CBEAE4D-DB9B-4D53-915A-8D1CE9161DD4}"/>
              </a:ext>
            </a:extLst>
          </p:cNvPr>
          <p:cNvSpPr/>
          <p:nvPr/>
        </p:nvSpPr>
        <p:spPr>
          <a:xfrm>
            <a:off x="472593" y="3893437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State</a:t>
            </a:r>
          </a:p>
        </p:txBody>
      </p:sp>
      <p:sp>
        <p:nvSpPr>
          <p:cNvPr id="418" name="Rectangle: Rounded Corners 23">
            <a:extLst>
              <a:ext uri="{FF2B5EF4-FFF2-40B4-BE49-F238E27FC236}">
                <a16:creationId xmlns:a16="http://schemas.microsoft.com/office/drawing/2014/main" id="{0D0FC871-10DA-4970-A09B-1995D50159C1}"/>
              </a:ext>
            </a:extLst>
          </p:cNvPr>
          <p:cNvSpPr/>
          <p:nvPr/>
        </p:nvSpPr>
        <p:spPr>
          <a:xfrm>
            <a:off x="1762912" y="3903470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Zip</a:t>
            </a:r>
            <a:endParaRPr lang="en-GB" sz="10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28" name="Rectangle 33">
            <a:extLst>
              <a:ext uri="{FF2B5EF4-FFF2-40B4-BE49-F238E27FC236}">
                <a16:creationId xmlns:a16="http://schemas.microsoft.com/office/drawing/2014/main" id="{1429A08F-A89E-4DFA-B945-6639BADD7265}"/>
              </a:ext>
            </a:extLst>
          </p:cNvPr>
          <p:cNvSpPr/>
          <p:nvPr/>
        </p:nvSpPr>
        <p:spPr>
          <a:xfrm>
            <a:off x="6125331" y="2545936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Premise</a:t>
            </a:r>
          </a:p>
        </p:txBody>
      </p:sp>
      <p:sp>
        <p:nvSpPr>
          <p:cNvPr id="429" name="Rectangle 33">
            <a:extLst>
              <a:ext uri="{FF2B5EF4-FFF2-40B4-BE49-F238E27FC236}">
                <a16:creationId xmlns:a16="http://schemas.microsoft.com/office/drawing/2014/main" id="{9AF59BB2-4093-4C2B-8987-8B569FEA7416}"/>
              </a:ext>
            </a:extLst>
          </p:cNvPr>
          <p:cNvSpPr/>
          <p:nvPr/>
        </p:nvSpPr>
        <p:spPr>
          <a:xfrm>
            <a:off x="7417658" y="2544997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Meter</a:t>
            </a:r>
          </a:p>
        </p:txBody>
      </p:sp>
      <p:sp>
        <p:nvSpPr>
          <p:cNvPr id="430" name="Rectangle 33">
            <a:extLst>
              <a:ext uri="{FF2B5EF4-FFF2-40B4-BE49-F238E27FC236}">
                <a16:creationId xmlns:a16="http://schemas.microsoft.com/office/drawing/2014/main" id="{E4AC434B-CD4E-4F0C-87FA-839C89C82BAE}"/>
              </a:ext>
            </a:extLst>
          </p:cNvPr>
          <p:cNvSpPr/>
          <p:nvPr/>
        </p:nvSpPr>
        <p:spPr>
          <a:xfrm>
            <a:off x="6125331" y="3515653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 dirty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Service Account</a:t>
            </a:r>
          </a:p>
        </p:txBody>
      </p:sp>
      <p:sp>
        <p:nvSpPr>
          <p:cNvPr id="431" name="Rectangle 33">
            <a:extLst>
              <a:ext uri="{FF2B5EF4-FFF2-40B4-BE49-F238E27FC236}">
                <a16:creationId xmlns:a16="http://schemas.microsoft.com/office/drawing/2014/main" id="{92FDBE7F-61F3-41FD-AF1E-3D1E3AB90B7C}"/>
              </a:ext>
            </a:extLst>
          </p:cNvPr>
          <p:cNvSpPr/>
          <p:nvPr/>
        </p:nvSpPr>
        <p:spPr>
          <a:xfrm>
            <a:off x="6115120" y="2869177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ustomer Contact Preference</a:t>
            </a:r>
          </a:p>
        </p:txBody>
      </p:sp>
      <p:sp>
        <p:nvSpPr>
          <p:cNvPr id="432" name="Rectangle 33">
            <a:extLst>
              <a:ext uri="{FF2B5EF4-FFF2-40B4-BE49-F238E27FC236}">
                <a16:creationId xmlns:a16="http://schemas.microsoft.com/office/drawing/2014/main" id="{5A3F99FE-CABA-4F21-8B6B-3A5FECCC7F1D}"/>
              </a:ext>
            </a:extLst>
          </p:cNvPr>
          <p:cNvSpPr/>
          <p:nvPr/>
        </p:nvSpPr>
        <p:spPr>
          <a:xfrm>
            <a:off x="6115119" y="3192415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ustomer Programs</a:t>
            </a:r>
          </a:p>
        </p:txBody>
      </p:sp>
      <p:sp>
        <p:nvSpPr>
          <p:cNvPr id="433" name="Rectangle 33">
            <a:extLst>
              <a:ext uri="{FF2B5EF4-FFF2-40B4-BE49-F238E27FC236}">
                <a16:creationId xmlns:a16="http://schemas.microsoft.com/office/drawing/2014/main" id="{12FBD778-6CB5-4404-9982-71263E3EC779}"/>
              </a:ext>
            </a:extLst>
          </p:cNvPr>
          <p:cNvSpPr/>
          <p:nvPr/>
        </p:nvSpPr>
        <p:spPr>
          <a:xfrm>
            <a:off x="7424244" y="3186946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ustomer Plans</a:t>
            </a:r>
          </a:p>
        </p:txBody>
      </p:sp>
      <p:sp>
        <p:nvSpPr>
          <p:cNvPr id="434" name="Rectangle 33">
            <a:extLst>
              <a:ext uri="{FF2B5EF4-FFF2-40B4-BE49-F238E27FC236}">
                <a16:creationId xmlns:a16="http://schemas.microsoft.com/office/drawing/2014/main" id="{36F155C8-71A2-473E-BAD4-9689403B5127}"/>
              </a:ext>
            </a:extLst>
          </p:cNvPr>
          <p:cNvSpPr/>
          <p:nvPr/>
        </p:nvSpPr>
        <p:spPr>
          <a:xfrm>
            <a:off x="7419724" y="2866251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Products</a:t>
            </a:r>
          </a:p>
        </p:txBody>
      </p:sp>
      <p:sp>
        <p:nvSpPr>
          <p:cNvPr id="435" name="Rectangle 33">
            <a:extLst>
              <a:ext uri="{FF2B5EF4-FFF2-40B4-BE49-F238E27FC236}">
                <a16:creationId xmlns:a16="http://schemas.microsoft.com/office/drawing/2014/main" id="{0928BA57-54E0-406E-8712-7D25DCF7C2D1}"/>
              </a:ext>
            </a:extLst>
          </p:cNvPr>
          <p:cNvSpPr/>
          <p:nvPr/>
        </p:nvSpPr>
        <p:spPr>
          <a:xfrm>
            <a:off x="7424244" y="3510661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ompany Hierarchy</a:t>
            </a:r>
          </a:p>
        </p:txBody>
      </p:sp>
      <p:sp>
        <p:nvSpPr>
          <p:cNvPr id="436" name="Rectangle 33">
            <a:extLst>
              <a:ext uri="{FF2B5EF4-FFF2-40B4-BE49-F238E27FC236}">
                <a16:creationId xmlns:a16="http://schemas.microsoft.com/office/drawing/2014/main" id="{B6ECDBAF-753A-43C3-BE38-0BD33C6777F9}"/>
              </a:ext>
            </a:extLst>
          </p:cNvPr>
          <p:cNvSpPr/>
          <p:nvPr/>
        </p:nvSpPr>
        <p:spPr>
          <a:xfrm>
            <a:off x="6825568" y="3868854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93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ustomer Segments/ </a:t>
            </a:r>
            <a:r>
              <a:rPr lang="en-GB" sz="105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Demographic</a:t>
            </a:r>
            <a:endParaRPr lang="en-GB" sz="1050" b="0" i="0" u="none" strike="noStrike" kern="0" cap="none" spc="0" baseline="0">
              <a:solidFill>
                <a:schemeClr val="accent1">
                  <a:lumMod val="5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37" name="Rectangle 33">
            <a:extLst>
              <a:ext uri="{FF2B5EF4-FFF2-40B4-BE49-F238E27FC236}">
                <a16:creationId xmlns:a16="http://schemas.microsoft.com/office/drawing/2014/main" id="{3F554144-6849-4FC7-855D-86BB80FCF0B1}"/>
              </a:ext>
            </a:extLst>
          </p:cNvPr>
          <p:cNvSpPr/>
          <p:nvPr/>
        </p:nvSpPr>
        <p:spPr>
          <a:xfrm>
            <a:off x="6744655" y="4591110"/>
            <a:ext cx="1213087" cy="304217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Entity in Scope for Future/Next MVPs</a:t>
            </a:r>
          </a:p>
        </p:txBody>
      </p:sp>
      <p:sp>
        <p:nvSpPr>
          <p:cNvPr id="438" name="Rectangle: Rounded Corners 28">
            <a:extLst>
              <a:ext uri="{FF2B5EF4-FFF2-40B4-BE49-F238E27FC236}">
                <a16:creationId xmlns:a16="http://schemas.microsoft.com/office/drawing/2014/main" id="{E08230ED-126E-44EF-9D04-036D837A8F64}"/>
              </a:ext>
            </a:extLst>
          </p:cNvPr>
          <p:cNvSpPr/>
          <p:nvPr/>
        </p:nvSpPr>
        <p:spPr>
          <a:xfrm>
            <a:off x="3967171" y="2958814"/>
            <a:ext cx="1238152" cy="30383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Customer Type – </a:t>
            </a:r>
            <a:r>
              <a:rPr lang="en-GB" sz="8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Individual, Company</a:t>
            </a:r>
          </a:p>
        </p:txBody>
      </p:sp>
      <p:sp>
        <p:nvSpPr>
          <p:cNvPr id="440" name="Rectangle: Rounded Corners 25">
            <a:extLst>
              <a:ext uri="{FF2B5EF4-FFF2-40B4-BE49-F238E27FC236}">
                <a16:creationId xmlns:a16="http://schemas.microsoft.com/office/drawing/2014/main" id="{B022BCF7-C67F-4609-A4D8-ED44B0F0B251}"/>
              </a:ext>
            </a:extLst>
          </p:cNvPr>
          <p:cNvSpPr/>
          <p:nvPr/>
        </p:nvSpPr>
        <p:spPr>
          <a:xfrm>
            <a:off x="3288233" y="1917093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Name Prefix</a:t>
            </a:r>
          </a:p>
        </p:txBody>
      </p:sp>
      <p:sp>
        <p:nvSpPr>
          <p:cNvPr id="441" name="Rectangle: Rounded Corners 25">
            <a:extLst>
              <a:ext uri="{FF2B5EF4-FFF2-40B4-BE49-F238E27FC236}">
                <a16:creationId xmlns:a16="http://schemas.microsoft.com/office/drawing/2014/main" id="{290DFE92-F2FE-4952-A501-AEE9760A24B8}"/>
              </a:ext>
            </a:extLst>
          </p:cNvPr>
          <p:cNvSpPr/>
          <p:nvPr/>
        </p:nvSpPr>
        <p:spPr>
          <a:xfrm>
            <a:off x="4587574" y="1914835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Name Suffix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44" name="Rectangle: Rounded Corners 23">
            <a:extLst>
              <a:ext uri="{FF2B5EF4-FFF2-40B4-BE49-F238E27FC236}">
                <a16:creationId xmlns:a16="http://schemas.microsoft.com/office/drawing/2014/main" id="{61B6E784-5F57-48A7-8B7A-1F4A24E0C995}"/>
              </a:ext>
            </a:extLst>
          </p:cNvPr>
          <p:cNvSpPr/>
          <p:nvPr/>
        </p:nvSpPr>
        <p:spPr>
          <a:xfrm>
            <a:off x="4199345" y="4605287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Reference Data Attribute in Scope</a:t>
            </a:r>
            <a:endParaRPr lang="en-GB" sz="10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45" name="Rectangle: Rounded Corners 23">
            <a:extLst>
              <a:ext uri="{FF2B5EF4-FFF2-40B4-BE49-F238E27FC236}">
                <a16:creationId xmlns:a16="http://schemas.microsoft.com/office/drawing/2014/main" id="{8F1BA791-CE14-4FB1-BA6A-72A3CB1B2C3D}"/>
              </a:ext>
            </a:extLst>
          </p:cNvPr>
          <p:cNvSpPr/>
          <p:nvPr/>
        </p:nvSpPr>
        <p:spPr>
          <a:xfrm>
            <a:off x="5472000" y="4605286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bg1"/>
                </a:solidFill>
                <a:latin typeface="Graphik" pitchFamily="34"/>
                <a:ea typeface="ＭＳ Ｐゴシック"/>
                <a:cs typeface="Arial"/>
              </a:rPr>
              <a:t>MVP1 Attribute in Scope</a:t>
            </a:r>
            <a:endParaRPr lang="en-GB" sz="1000" i="0" u="none" strike="noStrike" kern="0" cap="none" spc="0" baseline="0">
              <a:solidFill>
                <a:schemeClr val="bg1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65" name="Rectangle: Rounded Corners 19">
            <a:extLst>
              <a:ext uri="{FF2B5EF4-FFF2-40B4-BE49-F238E27FC236}">
                <a16:creationId xmlns:a16="http://schemas.microsoft.com/office/drawing/2014/main" id="{F3A46AEB-4A5E-4111-9045-8FD8BA026F89}"/>
              </a:ext>
            </a:extLst>
          </p:cNvPr>
          <p:cNvSpPr/>
          <p:nvPr/>
        </p:nvSpPr>
        <p:spPr>
          <a:xfrm>
            <a:off x="2749899" y="4375700"/>
            <a:ext cx="5344236" cy="615259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t" anchorCtr="0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>
                <a:solidFill>
                  <a:schemeClr val="tx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Legend</a:t>
            </a:r>
            <a:endParaRPr lang="en-GB" sz="1100" i="0" u="none" strike="noStrike" kern="0" cap="none" spc="0" baseline="0">
              <a:solidFill>
                <a:schemeClr val="tx1">
                  <a:lumMod val="5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75" name="Rectangle: Rounded Corners 32">
            <a:extLst>
              <a:ext uri="{FF2B5EF4-FFF2-40B4-BE49-F238E27FC236}">
                <a16:creationId xmlns:a16="http://schemas.microsoft.com/office/drawing/2014/main" id="{9D4108A1-C57B-47C6-8272-A602CF394A67}"/>
              </a:ext>
            </a:extLst>
          </p:cNvPr>
          <p:cNvSpPr/>
          <p:nvPr/>
        </p:nvSpPr>
        <p:spPr>
          <a:xfrm>
            <a:off x="434828" y="2009538"/>
            <a:ext cx="2628531" cy="585824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76" name="Rectangle 33">
            <a:extLst>
              <a:ext uri="{FF2B5EF4-FFF2-40B4-BE49-F238E27FC236}">
                <a16:creationId xmlns:a16="http://schemas.microsoft.com/office/drawing/2014/main" id="{B7F990BD-8ED2-45B8-A5B4-0B7A61ADA264}"/>
              </a:ext>
            </a:extLst>
          </p:cNvPr>
          <p:cNvSpPr/>
          <p:nvPr/>
        </p:nvSpPr>
        <p:spPr>
          <a:xfrm>
            <a:off x="1022180" y="1895894"/>
            <a:ext cx="1461991" cy="28780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 dirty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Account Contact</a:t>
            </a:r>
          </a:p>
        </p:txBody>
      </p:sp>
      <p:sp>
        <p:nvSpPr>
          <p:cNvPr id="77" name="Rectangle: Rounded Corners 44">
            <a:extLst>
              <a:ext uri="{FF2B5EF4-FFF2-40B4-BE49-F238E27FC236}">
                <a16:creationId xmlns:a16="http://schemas.microsoft.com/office/drawing/2014/main" id="{1EC7A34A-C59A-483E-A997-22AAD349CE13}"/>
              </a:ext>
            </a:extLst>
          </p:cNvPr>
          <p:cNvSpPr/>
          <p:nvPr/>
        </p:nvSpPr>
        <p:spPr>
          <a:xfrm>
            <a:off x="490255" y="2243281"/>
            <a:ext cx="1213088" cy="299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Phone Numbers –  Home, Cell, Work </a:t>
            </a:r>
          </a:p>
        </p:txBody>
      </p:sp>
      <p:sp>
        <p:nvSpPr>
          <p:cNvPr id="78" name="Rectangle: Rounded Corners 44">
            <a:extLst>
              <a:ext uri="{FF2B5EF4-FFF2-40B4-BE49-F238E27FC236}">
                <a16:creationId xmlns:a16="http://schemas.microsoft.com/office/drawing/2014/main" id="{56B85252-E03E-40F4-9B40-262E0B5E561B}"/>
              </a:ext>
            </a:extLst>
          </p:cNvPr>
          <p:cNvSpPr/>
          <p:nvPr/>
        </p:nvSpPr>
        <p:spPr>
          <a:xfrm>
            <a:off x="1747499" y="2243281"/>
            <a:ext cx="1213088" cy="299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mail Addresses</a:t>
            </a:r>
          </a:p>
        </p:txBody>
      </p:sp>
    </p:spTree>
    <p:extLst>
      <p:ext uri="{BB962C8B-B14F-4D97-AF65-F5344CB8AC3E}">
        <p14:creationId xmlns:p14="http://schemas.microsoft.com/office/powerpoint/2010/main" val="904261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601" y="112730"/>
            <a:ext cx="8497370" cy="430887"/>
          </a:xfrm>
        </p:spPr>
        <p:txBody>
          <a:bodyPr/>
          <a:lstStyle/>
          <a:p>
            <a:r>
              <a:rPr lang="en-US"/>
              <a:t>US Customer Capabilities by Program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6A94FC-78F6-49A4-A9BF-0BBF64D96C9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52192" y="482327"/>
            <a:ext cx="7024942" cy="42945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685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5918" y="1150443"/>
            <a:ext cx="8967825" cy="180048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95321" y="1274854"/>
            <a:ext cx="7567649" cy="11892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8958" y="3546861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903" y="2983559"/>
            <a:ext cx="8964821" cy="52901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6422" y="3074917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 MDM (Reltio)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342972" y="3205197"/>
            <a:ext cx="1078585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/>
              <a:t>Persistent ID (leverage UDM) , Key Customer Profile and contact fields, Service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73467" y="3622827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CDP (Snowflake) - Enterprise</a:t>
            </a:r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D9F430B6-AA12-4E55-BD8E-7F722DCC89E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859589" y="3199900"/>
            <a:ext cx="94610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Preference, Premise, Billing Account, Meter, Products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39766" y="3212655"/>
            <a:ext cx="145779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Data model, Data Catalog, Data Governance, Data Quality Profiling, CDC, Business Rules/Requirement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097923" y="3202663"/>
            <a:ext cx="99727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, </a:t>
            </a:r>
            <a:r>
              <a:rPr lang="en-GB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ompany Hierarchy</a:t>
            </a:r>
          </a:p>
        </p:txBody>
      </p:sp>
      <p:sp>
        <p:nvSpPr>
          <p:cNvPr id="181" name="OTLSHAPE_SLM_0aec949068fc4edb9016a17022f2fa0f_Title">
            <a:extLst>
              <a:ext uri="{FF2B5EF4-FFF2-40B4-BE49-F238E27FC236}">
                <a16:creationId xmlns:a16="http://schemas.microsoft.com/office/drawing/2014/main" id="{553BDFC6-BEB6-45E4-B002-7547682B4B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145948" y="3763390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, IVR</a:t>
            </a:r>
          </a:p>
        </p:txBody>
      </p:sp>
      <p:sp>
        <p:nvSpPr>
          <p:cNvPr id="187" name="OTLSHAPE_SLM_0aec949068fc4edb9016a17022f2fa0f_Shape">
            <a:extLst>
              <a:ext uri="{FF2B5EF4-FFF2-40B4-BE49-F238E27FC236}">
                <a16:creationId xmlns:a16="http://schemas.microsoft.com/office/drawing/2014/main" id="{EFF18A99-ABA3-4DD1-8F4C-F92ED78F9C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415185" y="30716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  <a:stCxn id="211" idx="0"/>
          </p:cNvCxnSpPr>
          <p:nvPr/>
        </p:nvCxnSpPr>
        <p:spPr bwMode="auto">
          <a:xfrm>
            <a:off x="7791408" y="1015661"/>
            <a:ext cx="11472" cy="345727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</p:cNvCxnSpPr>
          <p:nvPr/>
        </p:nvCxnSpPr>
        <p:spPr bwMode="auto">
          <a:xfrm>
            <a:off x="6561882" y="1026630"/>
            <a:ext cx="44658" cy="344631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5310026" y="1021768"/>
            <a:ext cx="31594" cy="343593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3842227" y="1032388"/>
            <a:ext cx="52915" cy="350070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900" dirty="0"/>
              <a:t>US Customer Business Capabilities Proposed Roadmap (OLD)</a:t>
            </a:r>
            <a:endParaRPr lang="en-GB" sz="1900" b="0" dirty="0"/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718697" y="799082"/>
            <a:ext cx="401041" cy="18218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301918" y="798421"/>
            <a:ext cx="401041" cy="18875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301916" y="578756"/>
            <a:ext cx="3620137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1579114" y="796783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1136620" y="79879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3469222" y="803567"/>
            <a:ext cx="456466" cy="18360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2994157" y="797648"/>
            <a:ext cx="456466" cy="18952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3AF4990-BEC8-4F76-90A9-21EF7C67AE3B}"/>
              </a:ext>
            </a:extLst>
          </p:cNvPr>
          <p:cNvSpPr/>
          <p:nvPr/>
        </p:nvSpPr>
        <p:spPr>
          <a:xfrm>
            <a:off x="3947434" y="795550"/>
            <a:ext cx="401041" cy="191628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525436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1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B63DC23E-751D-488B-90E7-2F7AB4022685}"/>
              </a:ext>
            </a:extLst>
          </p:cNvPr>
          <p:cNvSpPr txBox="1"/>
          <p:nvPr/>
        </p:nvSpPr>
        <p:spPr bwMode="auto">
          <a:xfrm flipH="1">
            <a:off x="3947434" y="579603"/>
            <a:ext cx="5087616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2</a:t>
            </a:r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3FCD83B7-1EFF-4CD9-A187-C738E53A836A}"/>
              </a:ext>
            </a:extLst>
          </p:cNvPr>
          <p:cNvSpPr/>
          <p:nvPr/>
        </p:nvSpPr>
        <p:spPr>
          <a:xfrm>
            <a:off x="4370117" y="798163"/>
            <a:ext cx="401041" cy="1845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24BC9807-652F-4E51-9BD1-4BC56411F2C3}"/>
              </a:ext>
            </a:extLst>
          </p:cNvPr>
          <p:cNvSpPr/>
          <p:nvPr/>
        </p:nvSpPr>
        <p:spPr>
          <a:xfrm>
            <a:off x="4797182" y="795712"/>
            <a:ext cx="401041" cy="19093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67A639C-B9C3-4DD1-ABE8-08EA94BC3D84}"/>
              </a:ext>
            </a:extLst>
          </p:cNvPr>
          <p:cNvSpPr/>
          <p:nvPr/>
        </p:nvSpPr>
        <p:spPr>
          <a:xfrm>
            <a:off x="5610050" y="795711"/>
            <a:ext cx="365078" cy="19109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378FE9D9-C8AA-4E60-9C0C-66590B1E21BF}"/>
              </a:ext>
            </a:extLst>
          </p:cNvPr>
          <p:cNvSpPr/>
          <p:nvPr/>
        </p:nvSpPr>
        <p:spPr>
          <a:xfrm>
            <a:off x="5217648" y="795712"/>
            <a:ext cx="367863" cy="19067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998945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2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235303" y="101824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3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6F87E31E-712F-4AB2-82B8-8BCF5ED1EFFC}"/>
              </a:ext>
            </a:extLst>
          </p:cNvPr>
          <p:cNvSpPr/>
          <p:nvPr/>
        </p:nvSpPr>
        <p:spPr>
          <a:xfrm>
            <a:off x="2531029" y="799907"/>
            <a:ext cx="433822" cy="1872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B33BC42-F6C2-4925-8E71-5FE5BE7BB53E}"/>
              </a:ext>
            </a:extLst>
          </p:cNvPr>
          <p:cNvSpPr/>
          <p:nvPr/>
        </p:nvSpPr>
        <p:spPr>
          <a:xfrm>
            <a:off x="2055799" y="800871"/>
            <a:ext cx="456466" cy="1818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B8132A58-8625-46BA-B378-908981D63D9E}"/>
              </a:ext>
            </a:extLst>
          </p:cNvPr>
          <p:cNvSpPr/>
          <p:nvPr/>
        </p:nvSpPr>
        <p:spPr>
          <a:xfrm>
            <a:off x="8217677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D48604F7-129F-4FAE-90D3-437401E3ECDC}"/>
              </a:ext>
            </a:extLst>
          </p:cNvPr>
          <p:cNvSpPr/>
          <p:nvPr/>
        </p:nvSpPr>
        <p:spPr>
          <a:xfrm>
            <a:off x="8634009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907276B4-0603-4BF9-9900-1A6B72799A92}"/>
              </a:ext>
            </a:extLst>
          </p:cNvPr>
          <p:cNvSpPr/>
          <p:nvPr/>
        </p:nvSpPr>
        <p:spPr>
          <a:xfrm>
            <a:off x="7801362" y="795549"/>
            <a:ext cx="401041" cy="18947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2">
                    <a:lumMod val="75000"/>
                  </a:schemeClr>
                </a:solidFill>
              </a:rPr>
              <a:t>Customer Data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151" name="OTLSHAPE_SLM_0aec949068fc4edb9016a17022f2fa0f_Shape">
            <a:extLst>
              <a:ext uri="{FF2B5EF4-FFF2-40B4-BE49-F238E27FC236}">
                <a16:creationId xmlns:a16="http://schemas.microsoft.com/office/drawing/2014/main" id="{3A4AC253-3FE1-4C73-ABAA-E3F0D079DB2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85894" y="147394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3770619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90872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5241324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259123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6491309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509108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7717858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735657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22F5D03-DBE6-4766-B9F0-652066D84E4F}"/>
              </a:ext>
            </a:extLst>
          </p:cNvPr>
          <p:cNvSpPr/>
          <p:nvPr/>
        </p:nvSpPr>
        <p:spPr>
          <a:xfrm>
            <a:off x="266202" y="970939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</a:rPr>
              <a:t>Releases:</a:t>
            </a:r>
            <a:endParaRPr lang="en-US" sz="80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705DD29-DEEB-40F2-955C-8E9F8269A2E5}"/>
              </a:ext>
            </a:extLst>
          </p:cNvPr>
          <p:cNvSpPr txBox="1"/>
          <p:nvPr/>
        </p:nvSpPr>
        <p:spPr bwMode="auto">
          <a:xfrm>
            <a:off x="4919354" y="1737211"/>
            <a:ext cx="80720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9 – Usage Analysis</a:t>
            </a:r>
            <a:endParaRPr lang="en-US" sz="600">
              <a:cs typeface="Arial"/>
            </a:endParaRP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275750" y="306501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741128" y="362966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410731" y="3766336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29EF487B-6194-4129-AC46-A7DEFC1BC40B}"/>
              </a:ext>
            </a:extLst>
          </p:cNvPr>
          <p:cNvSpPr/>
          <p:nvPr/>
        </p:nvSpPr>
        <p:spPr>
          <a:xfrm>
            <a:off x="5991635" y="795841"/>
            <a:ext cx="401041" cy="18934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8592C76E-BEAD-4997-B0BA-B05BD6FD9A26}"/>
              </a:ext>
            </a:extLst>
          </p:cNvPr>
          <p:cNvSpPr/>
          <p:nvPr/>
        </p:nvSpPr>
        <p:spPr>
          <a:xfrm>
            <a:off x="6852052" y="800028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A347D48E-0186-41F2-A71B-686BD3326EE5}"/>
              </a:ext>
            </a:extLst>
          </p:cNvPr>
          <p:cNvSpPr/>
          <p:nvPr/>
        </p:nvSpPr>
        <p:spPr>
          <a:xfrm>
            <a:off x="6409558" y="79555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B6C28F17-2225-4512-B301-49439ABFFEF9}"/>
              </a:ext>
            </a:extLst>
          </p:cNvPr>
          <p:cNvSpPr/>
          <p:nvPr/>
        </p:nvSpPr>
        <p:spPr>
          <a:xfrm>
            <a:off x="7328737" y="797631"/>
            <a:ext cx="456466" cy="18875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823320" y="362567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818697" y="307147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28D44024-805C-42A3-A536-7F7CD80720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427361" y="3761967"/>
            <a:ext cx="94424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/>
              <a:t>Persistent ID (leverage UDM) , Key Customer Profile and contact fields, Service Account</a:t>
            </a:r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535620" y="306243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aec949068fc4edb9016a17022f2fa0f_Title">
            <a:extLst>
              <a:ext uri="{FF2B5EF4-FFF2-40B4-BE49-F238E27FC236}">
                <a16:creationId xmlns:a16="http://schemas.microsoft.com/office/drawing/2014/main" id="{01978453-8B00-4A50-85D1-D02BB9CA7E7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831490" y="3773156"/>
            <a:ext cx="103280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Bill/Credit/Payment, Usage, </a:t>
            </a:r>
          </a:p>
          <a:p>
            <a:r>
              <a:rPr lang="en-US"/>
              <a:t>Preference, Premise, Billing Account, Meter</a:t>
            </a:r>
          </a:p>
        </p:txBody>
      </p:sp>
      <p:sp>
        <p:nvSpPr>
          <p:cNvPr id="176" name="OTLSHAPE_SLM_0aec949068fc4edb9016a17022f2fa0f_Shape">
            <a:extLst>
              <a:ext uri="{FF2B5EF4-FFF2-40B4-BE49-F238E27FC236}">
                <a16:creationId xmlns:a16="http://schemas.microsoft.com/office/drawing/2014/main" id="{6FFA297E-BD4C-4984-8DA1-974107E360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277738" y="362825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SLM_0aec949068fc4edb9016a17022f2fa0f_Shape">
            <a:extLst>
              <a:ext uri="{FF2B5EF4-FFF2-40B4-BE49-F238E27FC236}">
                <a16:creationId xmlns:a16="http://schemas.microsoft.com/office/drawing/2014/main" id="{F87CC682-6CBB-494A-8113-DA1E61FE62C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542212" y="362633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7" name="TextBox 206">
            <a:extLst>
              <a:ext uri="{FF2B5EF4-FFF2-40B4-BE49-F238E27FC236}">
                <a16:creationId xmlns:a16="http://schemas.microsoft.com/office/drawing/2014/main" id="{D9CD409A-2087-48B4-993A-8965746DAF94}"/>
              </a:ext>
            </a:extLst>
          </p:cNvPr>
          <p:cNvSpPr txBox="1"/>
          <p:nvPr/>
        </p:nvSpPr>
        <p:spPr bwMode="auto">
          <a:xfrm>
            <a:off x="4885778" y="1874113"/>
            <a:ext cx="86838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4 – Usage Prediction</a:t>
            </a:r>
            <a:endParaRPr lang="en-US" sz="600">
              <a:cs typeface="Arial"/>
            </a:endParaRPr>
          </a:p>
        </p:txBody>
      </p:sp>
      <p:sp>
        <p:nvSpPr>
          <p:cNvPr id="211" name="OTLSHAPE_SLM_0aec949068fc4edb9016a17022f2fa0f_Title">
            <a:extLst>
              <a:ext uri="{FF2B5EF4-FFF2-40B4-BE49-F238E27FC236}">
                <a16:creationId xmlns:a16="http://schemas.microsoft.com/office/drawing/2014/main" id="{D20D57CD-2D20-43B0-85A7-7E8142C5EE1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464829" y="101566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4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pic>
        <p:nvPicPr>
          <p:cNvPr id="212" name="Picture 211">
            <a:extLst>
              <a:ext uri="{FF2B5EF4-FFF2-40B4-BE49-F238E27FC236}">
                <a16:creationId xmlns:a16="http://schemas.microsoft.com/office/drawing/2014/main" id="{073E04DF-8316-4E39-A58D-09FFE3057DB0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2412545" y="1446737"/>
            <a:ext cx="142179" cy="139685"/>
          </a:xfrm>
          <a:prstGeom prst="rect">
            <a:avLst/>
          </a:prstGeom>
        </p:spPr>
      </p:pic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2232032A-DFA7-4838-AEC8-875A56E572F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430344" y="13728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4" name="TextBox 213">
            <a:extLst>
              <a:ext uri="{FF2B5EF4-FFF2-40B4-BE49-F238E27FC236}">
                <a16:creationId xmlns:a16="http://schemas.microsoft.com/office/drawing/2014/main" id="{5E2E6BE7-326E-41CD-85A2-E03A52B74CC8}"/>
              </a:ext>
            </a:extLst>
          </p:cNvPr>
          <p:cNvSpPr txBox="1"/>
          <p:nvPr/>
        </p:nvSpPr>
        <p:spPr bwMode="auto">
          <a:xfrm>
            <a:off x="5840728" y="1592417"/>
            <a:ext cx="1451864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 – Segmentation Campaign Metrics</a:t>
            </a:r>
            <a:endParaRPr lang="en-US" sz="600">
              <a:cs typeface="Arial"/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4936758" y="2727245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7 – Product Catalog</a:t>
            </a:r>
            <a:endParaRPr lang="en-US" sz="60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7276018" y="1588921"/>
            <a:ext cx="1115972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3 – Personalized Messages</a:t>
            </a:r>
            <a:endParaRPr lang="en-US" sz="600">
              <a:cs typeface="Arial"/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D5497791-1749-4298-9ECB-ABE31C240E5C}"/>
              </a:ext>
            </a:extLst>
          </p:cNvPr>
          <p:cNvSpPr txBox="1"/>
          <p:nvPr/>
        </p:nvSpPr>
        <p:spPr bwMode="auto">
          <a:xfrm>
            <a:off x="5961402" y="1744905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 – Utilization Recommendation</a:t>
            </a:r>
            <a:endParaRPr lang="en-US" sz="600">
              <a:cs typeface="Arial"/>
            </a:endParaRP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6ECDE740-6837-4482-A75D-75D5CCCE1BE7}"/>
              </a:ext>
            </a:extLst>
          </p:cNvPr>
          <p:cNvSpPr txBox="1"/>
          <p:nvPr/>
        </p:nvSpPr>
        <p:spPr bwMode="auto">
          <a:xfrm>
            <a:off x="6050706" y="1874896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5 – Comprehensive Profile</a:t>
            </a:r>
            <a:endParaRPr lang="en-US" sz="60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7317348" y="1754233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4 – Customer Interactions </a:t>
            </a:r>
            <a:endParaRPr lang="en-US" sz="60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3186040" y="1628871"/>
            <a:ext cx="131965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3 – Consolidated Profile (Basic) </a:t>
            </a:r>
            <a:endParaRPr lang="en-US" sz="600">
              <a:cs typeface="Arial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36EE1830-4B80-4640-8773-23ACCEC0C97E}"/>
              </a:ext>
            </a:extLst>
          </p:cNvPr>
          <p:cNvSpPr txBox="1"/>
          <p:nvPr/>
        </p:nvSpPr>
        <p:spPr bwMode="auto">
          <a:xfrm>
            <a:off x="5957951" y="1999323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D1BA4C75-1521-4DA8-9152-3A8902EEB53D}"/>
              </a:ext>
            </a:extLst>
          </p:cNvPr>
          <p:cNvSpPr txBox="1"/>
          <p:nvPr/>
        </p:nvSpPr>
        <p:spPr bwMode="auto">
          <a:xfrm>
            <a:off x="4705658" y="16049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F68889B6-1E8B-49C4-8457-3D36B7EC7231}"/>
              </a:ext>
            </a:extLst>
          </p:cNvPr>
          <p:cNvSpPr txBox="1"/>
          <p:nvPr/>
        </p:nvSpPr>
        <p:spPr bwMode="auto">
          <a:xfrm>
            <a:off x="4737289" y="2014446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0 – EE Recommendations</a:t>
            </a:r>
            <a:endParaRPr lang="en-US" sz="600">
              <a:cs typeface="Arial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09087ACF-D453-4EBC-917B-F62E2471B9D5}"/>
              </a:ext>
            </a:extLst>
          </p:cNvPr>
          <p:cNvSpPr txBox="1"/>
          <p:nvPr/>
        </p:nvSpPr>
        <p:spPr bwMode="auto">
          <a:xfrm>
            <a:off x="5960362" y="2125071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2 – Energy Usage Insights</a:t>
            </a:r>
            <a:endParaRPr lang="en-US" sz="600">
              <a:cs typeface="Arial"/>
            </a:endParaRP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09701D7A-AEC3-4A15-9738-081D896783D1}"/>
              </a:ext>
            </a:extLst>
          </p:cNvPr>
          <p:cNvSpPr txBox="1"/>
          <p:nvPr/>
        </p:nvSpPr>
        <p:spPr bwMode="auto">
          <a:xfrm>
            <a:off x="4740326" y="23163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7 – EE Ratings</a:t>
            </a:r>
            <a:endParaRPr lang="en-US" sz="60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7155310" y="1883385"/>
            <a:ext cx="136094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5 –Campaign Performance Metrics</a:t>
            </a:r>
            <a:endParaRPr lang="en-US" sz="60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7346456" y="2020287"/>
            <a:ext cx="96077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6 – Loyalty Program</a:t>
            </a:r>
            <a:endParaRPr lang="en-US" sz="600">
              <a:cs typeface="Arial"/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F32807F-AF23-4470-B5FD-E1C220319C59}"/>
              </a:ext>
            </a:extLst>
          </p:cNvPr>
          <p:cNvSpPr txBox="1"/>
          <p:nvPr/>
        </p:nvSpPr>
        <p:spPr bwMode="auto">
          <a:xfrm>
            <a:off x="5798307" y="2253585"/>
            <a:ext cx="156961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8 – Personalized Product Guidance</a:t>
            </a:r>
            <a:endParaRPr lang="en-US" sz="600">
              <a:cs typeface="Arial"/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9DC391FA-582E-462D-B80B-562DD6B38DFB}"/>
              </a:ext>
            </a:extLst>
          </p:cNvPr>
          <p:cNvSpPr txBox="1"/>
          <p:nvPr/>
        </p:nvSpPr>
        <p:spPr bwMode="auto">
          <a:xfrm>
            <a:off x="5890123" y="2393498"/>
            <a:ext cx="139309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9 – Energy Savings and Incentives</a:t>
            </a:r>
            <a:endParaRPr lang="en-US" sz="600">
              <a:cs typeface="Arial"/>
            </a:endParaRP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5093B07-58CD-49EE-AC14-71373A166F11}"/>
              </a:ext>
            </a:extLst>
          </p:cNvPr>
          <p:cNvSpPr txBox="1"/>
          <p:nvPr/>
        </p:nvSpPr>
        <p:spPr bwMode="auto">
          <a:xfrm>
            <a:off x="4730925" y="2463504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0 – Usage History</a:t>
            </a:r>
            <a:endParaRPr lang="en-US" sz="600">
              <a:cs typeface="Arial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8FC37195-304C-48AF-BC1C-B1497FFCB94E}"/>
              </a:ext>
            </a:extLst>
          </p:cNvPr>
          <p:cNvSpPr txBox="1"/>
          <p:nvPr/>
        </p:nvSpPr>
        <p:spPr bwMode="auto">
          <a:xfrm>
            <a:off x="6119434" y="2529676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1 – Enrollment Offers</a:t>
            </a:r>
            <a:endParaRPr lang="en-US" sz="600">
              <a:cs typeface="Arial"/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7894B957-F935-4FE5-B515-B030CE51CF27}"/>
              </a:ext>
            </a:extLst>
          </p:cNvPr>
          <p:cNvSpPr txBox="1"/>
          <p:nvPr/>
        </p:nvSpPr>
        <p:spPr bwMode="auto">
          <a:xfrm>
            <a:off x="4682041" y="2600306"/>
            <a:ext cx="127476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2 – Proactive Usage Feedback</a:t>
            </a:r>
            <a:endParaRPr lang="en-US" sz="600">
              <a:cs typeface="Arial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1EA67941-3F59-4EAD-8228-FF39264EB893}"/>
              </a:ext>
            </a:extLst>
          </p:cNvPr>
          <p:cNvSpPr txBox="1"/>
          <p:nvPr/>
        </p:nvSpPr>
        <p:spPr bwMode="auto">
          <a:xfrm>
            <a:off x="6111517" y="2666212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3 – Outage Status</a:t>
            </a:r>
            <a:endParaRPr lang="en-US" sz="600">
              <a:cs typeface="Arial"/>
            </a:endParaRP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B5198DF-7051-4F6D-A5D0-0E9E52DE6BC1}"/>
              </a:ext>
            </a:extLst>
          </p:cNvPr>
          <p:cNvSpPr txBox="1"/>
          <p:nvPr/>
        </p:nvSpPr>
        <p:spPr bwMode="auto">
          <a:xfrm>
            <a:off x="6125274" y="2802430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5 – Customer Balance</a:t>
            </a:r>
            <a:endParaRPr lang="en-US" sz="600">
              <a:cs typeface="Arial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6E524798-4223-4344-86DC-003903A21CC8}"/>
              </a:ext>
            </a:extLst>
          </p:cNvPr>
          <p:cNvSpPr txBox="1"/>
          <p:nvPr/>
        </p:nvSpPr>
        <p:spPr bwMode="auto">
          <a:xfrm>
            <a:off x="4727836" y="21689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1 – Energy Self Service</a:t>
            </a:r>
            <a:endParaRPr lang="en-US" sz="600">
              <a:cs typeface="Arial"/>
            </a:endParaRP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EF2B686-B864-4A0C-976A-AC294FF49356}"/>
              </a:ext>
            </a:extLst>
          </p:cNvPr>
          <p:cNvSpPr txBox="1"/>
          <p:nvPr/>
        </p:nvSpPr>
        <p:spPr bwMode="auto">
          <a:xfrm>
            <a:off x="313830" y="1578606"/>
            <a:ext cx="96279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Informatica Catalog, Governance and Quality Tools available</a:t>
            </a: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422085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2164728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</a:t>
            </a:r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07FB3EA8-A80D-4FA3-92E8-FF6E97646D8E}"/>
              </a:ext>
            </a:extLst>
          </p:cNvPr>
          <p:cNvSpPr txBox="1"/>
          <p:nvPr/>
        </p:nvSpPr>
        <p:spPr bwMode="auto">
          <a:xfrm>
            <a:off x="3123345" y="23227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1)</a:t>
            </a:r>
          </a:p>
        </p:txBody>
      </p:sp>
      <p:sp>
        <p:nvSpPr>
          <p:cNvPr id="109" name="OTLSHAPE_SLM_0aec949068fc4edb9016a17022f2fa0f_Shape">
            <a:extLst>
              <a:ext uri="{FF2B5EF4-FFF2-40B4-BE49-F238E27FC236}">
                <a16:creationId xmlns:a16="http://schemas.microsoft.com/office/drawing/2014/main" id="{58A5E0AF-AF8D-49C2-A190-BD3E384D995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372770" y="21984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6" name="OTLSHAPE_SL_f6ffadc9780a4f3ab22a7e53bade919d_BackgroundRectangle">
            <a:extLst>
              <a:ext uri="{FF2B5EF4-FFF2-40B4-BE49-F238E27FC236}">
                <a16:creationId xmlns:a16="http://schemas.microsoft.com/office/drawing/2014/main" id="{349290AA-5EEE-4517-B6AD-EB63B50A357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12757" y="4189266"/>
            <a:ext cx="8964821" cy="54307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2" name="OTLSHAPE_SLT_e8a0d0690d7843edaca796e8b25719da_Shape">
            <a:extLst>
              <a:ext uri="{FF2B5EF4-FFF2-40B4-BE49-F238E27FC236}">
                <a16:creationId xmlns:a16="http://schemas.microsoft.com/office/drawing/2014/main" id="{0E261F3A-3AEF-4DF9-A3B5-3153A121D3E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15704" y="4221111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CDP (Snowflake) - Raw/Staging</a:t>
            </a:r>
          </a:p>
        </p:txBody>
      </p:sp>
      <p:sp>
        <p:nvSpPr>
          <p:cNvPr id="116" name="OTLSHAPE_SLM_0aec949068fc4edb9016a17022f2fa0f_Shape">
            <a:extLst>
              <a:ext uri="{FF2B5EF4-FFF2-40B4-BE49-F238E27FC236}">
                <a16:creationId xmlns:a16="http://schemas.microsoft.com/office/drawing/2014/main" id="{D3DBF1A3-439E-46C3-8DC9-4CBBD205A50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837737" y="4223957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B24251CA-B9F4-423A-B218-E95B8C5B8E3B}"/>
              </a:ext>
            </a:extLst>
          </p:cNvPr>
          <p:cNvSpPr txBox="1"/>
          <p:nvPr/>
        </p:nvSpPr>
        <p:spPr bwMode="auto">
          <a:xfrm>
            <a:off x="3877742" y="2326936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2)</a:t>
            </a:r>
          </a:p>
        </p:txBody>
      </p:sp>
      <p:sp>
        <p:nvSpPr>
          <p:cNvPr id="115" name="OTLSHAPE_SLM_0aec949068fc4edb9016a17022f2fa0f_Shape">
            <a:extLst>
              <a:ext uri="{FF2B5EF4-FFF2-40B4-BE49-F238E27FC236}">
                <a16:creationId xmlns:a16="http://schemas.microsoft.com/office/drawing/2014/main" id="{A3FD7F4E-4280-4ACC-A6CA-28DBC3B35DE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127167" y="2202694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7" name="OTLSHAPE_SLM_0aec949068fc4edb9016a17022f2fa0f_Title">
            <a:extLst>
              <a:ext uri="{FF2B5EF4-FFF2-40B4-BE49-F238E27FC236}">
                <a16:creationId xmlns:a16="http://schemas.microsoft.com/office/drawing/2014/main" id="{4F130A5C-1382-46EA-A3C5-74E27DCD919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370656" y="4365061"/>
            <a:ext cx="1048779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Premise, Meter, Billing Account, Bill, Credit, Payment, Usage, IVR, Meter, Segment, Campaign</a:t>
            </a:r>
          </a:p>
        </p:txBody>
      </p:sp>
    </p:spTree>
    <p:extLst>
      <p:ext uri="{BB962C8B-B14F-4D97-AF65-F5344CB8AC3E}">
        <p14:creationId xmlns:p14="http://schemas.microsoft.com/office/powerpoint/2010/main" val="2312719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/>
              <a:t>US Customer Data Platform Architecture</a:t>
            </a:r>
            <a:endParaRPr lang="en-GB" sz="1800" b="0"/>
          </a:p>
        </p:txBody>
      </p:sp>
      <p:pic>
        <p:nvPicPr>
          <p:cNvPr id="4" name="Picture 4" descr="Graphical user interface, diagram&#10;&#10;Description automatically generated">
            <a:extLst>
              <a:ext uri="{FF2B5EF4-FFF2-40B4-BE49-F238E27FC236}">
                <a16:creationId xmlns:a16="http://schemas.microsoft.com/office/drawing/2014/main" id="{4B00D735-7124-4705-A1FB-46A968ABDD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16025" y="377635"/>
            <a:ext cx="6553200" cy="47771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1386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/>
              <a:t>MDM Architecture</a:t>
            </a:r>
            <a:endParaRPr lang="en-GB" sz="1800" b="0"/>
          </a:p>
        </p:txBody>
      </p:sp>
      <p:pic>
        <p:nvPicPr>
          <p:cNvPr id="3" name="Picture 4" descr="Diagram, timeline&#10;&#10;Description automatically generated">
            <a:extLst>
              <a:ext uri="{FF2B5EF4-FFF2-40B4-BE49-F238E27FC236}">
                <a16:creationId xmlns:a16="http://schemas.microsoft.com/office/drawing/2014/main" id="{99ADEB26-0C4E-472E-82F2-F046AEAB21A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20775" y="408067"/>
            <a:ext cx="6188075" cy="45893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84117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479654A67AABA4A8A8902882B64A988" ma:contentTypeVersion="12" ma:contentTypeDescription="Create a new document." ma:contentTypeScope="" ma:versionID="54cf777a7aed95bbfbcf5dc663574da8">
  <xsd:schema xmlns:xsd="http://www.w3.org/2001/XMLSchema" xmlns:xs="http://www.w3.org/2001/XMLSchema" xmlns:p="http://schemas.microsoft.com/office/2006/metadata/properties" xmlns:ns2="f321bbf6-7ced-46a3-aeec-52f7b6ea267c" xmlns:ns3="e0128129-5c01-499f-9dab-6ff736f5e5bc" targetNamespace="http://schemas.microsoft.com/office/2006/metadata/properties" ma:root="true" ma:fieldsID="1564b0fa269a897b3b872641774d7be0" ns2:_="" ns3:_="">
    <xsd:import namespace="f321bbf6-7ced-46a3-aeec-52f7b6ea267c"/>
    <xsd:import namespace="e0128129-5c01-499f-9dab-6ff736f5e5b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321bbf6-7ced-46a3-aeec-52f7b6ea267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0128129-5c01-499f-9dab-6ff736f5e5bc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e0128129-5c01-499f-9dab-6ff736f5e5bc">
      <UserInfo>
        <DisplayName>Crookes, Raymond</DisplayName>
        <AccountId>162</AccountId>
        <AccountType/>
      </UserInfo>
      <UserInfo>
        <DisplayName>Tripathi, Bharat</DisplayName>
        <AccountId>168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0235C373-C030-40C2-8C89-A785AC5443E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321bbf6-7ced-46a3-aeec-52f7b6ea267c"/>
    <ds:schemaRef ds:uri="e0128129-5c01-499f-9dab-6ff736f5e5b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D2C987D-4A47-4F11-8121-36694FAAAC40}">
  <ds:schemaRefs>
    <ds:schemaRef ds:uri="http://schemas.microsoft.com/office/2006/metadata/properties"/>
    <ds:schemaRef ds:uri="http://schemas.microsoft.com/office/2006/documentManagement/types"/>
    <ds:schemaRef ds:uri="http://purl.org/dc/terms/"/>
    <ds:schemaRef ds:uri="http://schemas.openxmlformats.org/package/2006/metadata/core-properties"/>
    <ds:schemaRef ds:uri="http://purl.org/dc/elements/1.1/"/>
    <ds:schemaRef ds:uri="http://schemas.microsoft.com/office/infopath/2007/PartnerControls"/>
    <ds:schemaRef ds:uri="e0128129-5c01-499f-9dab-6ff736f5e5bc"/>
    <ds:schemaRef ds:uri="f321bbf6-7ced-46a3-aeec-52f7b6ea267c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TotalTime>7</TotalTime>
  <Words>1536</Words>
  <Application>Microsoft Office PowerPoint</Application>
  <PresentationFormat>On-screen Show (16:9)</PresentationFormat>
  <Paragraphs>190</Paragraphs>
  <Slides>7</Slides>
  <Notes>7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8" baseType="lpstr">
      <vt:lpstr>NG_PPT_16x9_Generic_template-blue</vt:lpstr>
      <vt:lpstr>US Customer Golden Record</vt:lpstr>
      <vt:lpstr>PowerPoint Presentation</vt:lpstr>
      <vt:lpstr>US Customer Golden Master Record </vt:lpstr>
      <vt:lpstr>US Customer Capabilities by Programs</vt:lpstr>
      <vt:lpstr>US Customer Business Capabilities Proposed Roadmap (OLD)</vt:lpstr>
      <vt:lpstr>US Customer Data Platform Architecture</vt:lpstr>
      <vt:lpstr>MDM Architecture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lastModifiedBy>Ajwaliya, Nishit</cp:lastModifiedBy>
  <cp:revision>25</cp:revision>
  <cp:lastPrinted>2018-08-10T07:16:05Z</cp:lastPrinted>
  <dcterms:created xsi:type="dcterms:W3CDTF">2018-09-19T13:44:21Z</dcterms:created>
  <dcterms:modified xsi:type="dcterms:W3CDTF">2021-11-18T00:43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7479654A67AABA4A8A8902882B64A988</vt:lpwstr>
  </property>
</Properties>
</file>